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53222"/>
  <mc:AlternateContent xmlns:mc="http://schemas.openxmlformats.org/markup-compatibility/2006">
    <mc:Choice Requires="x15">
      <x15ac:absPath xmlns:x15ac="http://schemas.microsoft.com/office/spreadsheetml/2010/11/ac" url="\\kfs01\s1507\04_人材確保グループ\450_看護職\456_就業実態調査\01_病院\R5年度調査\06 結果報告\HP掲載用\"/>
    </mc:Choice>
  </mc:AlternateContent>
  <bookViews>
    <workbookView xWindow="0" yWindow="0" windowWidth="19200" windowHeight="7308"/>
  </bookViews>
  <sheets>
    <sheet name="１-１職員数・離職率" sheetId="5" r:id="rId1"/>
    <sheet name="１-２外国籍職員" sheetId="39" r:id="rId2"/>
    <sheet name="１-３看護補助者" sheetId="40" r:id="rId3"/>
    <sheet name="２-１新卒採用・離職（全体）" sheetId="85" r:id="rId4"/>
    <sheet name="２-２新卒（県内）" sheetId="84" r:id="rId5"/>
    <sheet name="２-３新卒（県外）" sheetId="7" r:id="rId6"/>
    <sheet name="３経験者採用状況 " sheetId="75" r:id="rId7"/>
    <sheet name="４経験年数別離職率" sheetId="16" r:id="rId8"/>
    <sheet name="５退職理由" sheetId="18" r:id="rId9"/>
    <sheet name="６新人研修" sheetId="94" r:id="rId10"/>
    <sheet name="７令和4年度採用状況" sheetId="20" r:id="rId11"/>
    <sheet name="８特定行為研修" sheetId="80" r:id="rId12"/>
  </sheets>
  <definedNames>
    <definedName name="_xlnm.Print_Area" localSheetId="2">'１-３看護補助者'!$A$1:$J$39</definedName>
    <definedName name="_xlnm.Print_Area" localSheetId="3">'２-１新卒採用・離職（全体）'!$A$1:$J$34</definedName>
    <definedName name="_xlnm.Print_Area" localSheetId="4">'２-２新卒（県内）'!$A$1:$J$34</definedName>
    <definedName name="_xlnm.Print_Area" localSheetId="5">'２-３新卒（県外）'!$A$1:$J$34</definedName>
    <definedName name="_xlnm.Print_Area" localSheetId="6">'３経験者採用状況 '!$A$1:$W$37</definedName>
    <definedName name="_xlnm.Print_Area" localSheetId="7">'４経験年数別離職率'!$A$1:$P$34</definedName>
    <definedName name="_xlnm.Print_Area" localSheetId="8">'５退職理由'!$A$1:$Q$42</definedName>
    <definedName name="_xlnm.Print_Area" localSheetId="9">'６新人研修'!$A$1:$M$91</definedName>
    <definedName name="_xlnm.Print_Area" localSheetId="10">'７令和4年度採用状況'!$A$1:$K$34</definedName>
    <definedName name="_xlnm.Print_Area" localSheetId="11">'８特定行為研修'!$A$1:$Q$4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29" uniqueCount="343">
  <si>
    <t>その他</t>
    <rPh sb="2" eb="3">
      <t>タ</t>
    </rPh>
    <phoneticPr fontId="1"/>
  </si>
  <si>
    <t>相模原</t>
    <rPh sb="0" eb="3">
      <t>サガミハラ</t>
    </rPh>
    <phoneticPr fontId="1"/>
  </si>
  <si>
    <t>湘南東部</t>
    <rPh sb="0" eb="2">
      <t>ショウナン</t>
    </rPh>
    <rPh sb="2" eb="4">
      <t>トウブ</t>
    </rPh>
    <phoneticPr fontId="1"/>
  </si>
  <si>
    <t>湘南西部</t>
    <rPh sb="0" eb="2">
      <t>ショウナン</t>
    </rPh>
    <rPh sb="2" eb="4">
      <t>セイブ</t>
    </rPh>
    <phoneticPr fontId="1"/>
  </si>
  <si>
    <t>横須賀・三浦</t>
    <rPh sb="0" eb="3">
      <t>ヨコスカ</t>
    </rPh>
    <rPh sb="4" eb="6">
      <t>ミウラ</t>
    </rPh>
    <phoneticPr fontId="1"/>
  </si>
  <si>
    <t>県西</t>
    <rPh sb="0" eb="2">
      <t>ケンセイ</t>
    </rPh>
    <phoneticPr fontId="1"/>
  </si>
  <si>
    <t>県央</t>
    <rPh sb="0" eb="2">
      <t>ケンオウ</t>
    </rPh>
    <phoneticPr fontId="1"/>
  </si>
  <si>
    <t>病床数</t>
    <rPh sb="0" eb="3">
      <t>ビョウショウスウ</t>
    </rPh>
    <phoneticPr fontId="2"/>
  </si>
  <si>
    <t>病床数</t>
  </si>
  <si>
    <t>100～199</t>
    <phoneticPr fontId="2"/>
  </si>
  <si>
    <t>200～299</t>
    <phoneticPr fontId="2"/>
  </si>
  <si>
    <t>500以上</t>
  </si>
  <si>
    <t>合計</t>
  </si>
  <si>
    <t>全体</t>
    <rPh sb="0" eb="2">
      <t>ゼンタイ</t>
    </rPh>
    <phoneticPr fontId="2"/>
  </si>
  <si>
    <t>常勤</t>
    <rPh sb="0" eb="2">
      <t>ジョウキン</t>
    </rPh>
    <phoneticPr fontId="2"/>
  </si>
  <si>
    <t>非常勤</t>
    <rPh sb="0" eb="3">
      <t>ヒジョウキン</t>
    </rPh>
    <phoneticPr fontId="2"/>
  </si>
  <si>
    <t>合　計</t>
  </si>
  <si>
    <t>（２）　職種別離職率</t>
    <rPh sb="4" eb="7">
      <t>ショクシュベツ</t>
    </rPh>
    <rPh sb="7" eb="10">
      <t>リショクリツ</t>
    </rPh>
    <phoneticPr fontId="2"/>
  </si>
  <si>
    <t>保健師</t>
    <rPh sb="0" eb="2">
      <t>ホケン</t>
    </rPh>
    <rPh sb="2" eb="3">
      <t>シ</t>
    </rPh>
    <phoneticPr fontId="1"/>
  </si>
  <si>
    <t>助産師</t>
    <rPh sb="0" eb="3">
      <t>ジョサンシ</t>
    </rPh>
    <phoneticPr fontId="1"/>
  </si>
  <si>
    <t>看護師</t>
    <rPh sb="0" eb="3">
      <t>カンゴシ</t>
    </rPh>
    <phoneticPr fontId="1"/>
  </si>
  <si>
    <t>准看護師</t>
    <rPh sb="0" eb="1">
      <t>ジュン</t>
    </rPh>
    <rPh sb="1" eb="4">
      <t>カンゴシ</t>
    </rPh>
    <phoneticPr fontId="1"/>
  </si>
  <si>
    <t>（３）　二次医療圏別離職率</t>
    <rPh sb="4" eb="6">
      <t>ニジ</t>
    </rPh>
    <rPh sb="6" eb="8">
      <t>イリョウ</t>
    </rPh>
    <rPh sb="8" eb="9">
      <t>ケン</t>
    </rPh>
    <rPh sb="9" eb="10">
      <t>ベツ</t>
    </rPh>
    <rPh sb="10" eb="12">
      <t>リショク</t>
    </rPh>
    <rPh sb="12" eb="13">
      <t>リツ</t>
    </rPh>
    <phoneticPr fontId="2"/>
  </si>
  <si>
    <t>二次医療圏</t>
    <rPh sb="0" eb="2">
      <t>ニジ</t>
    </rPh>
    <rPh sb="2" eb="4">
      <t>イリョウ</t>
    </rPh>
    <rPh sb="4" eb="5">
      <t>ケン</t>
    </rPh>
    <phoneticPr fontId="2"/>
  </si>
  <si>
    <t>横浜</t>
    <rPh sb="0" eb="2">
      <t>ヨコハマ</t>
    </rPh>
    <phoneticPr fontId="2"/>
  </si>
  <si>
    <t>川崎</t>
    <rPh sb="0" eb="2">
      <t>カワサキ</t>
    </rPh>
    <phoneticPr fontId="2"/>
  </si>
  <si>
    <t>相模原</t>
    <rPh sb="0" eb="3">
      <t>サガミハラ</t>
    </rPh>
    <phoneticPr fontId="2"/>
  </si>
  <si>
    <t>横須賀・三浦</t>
    <rPh sb="0" eb="3">
      <t>ヨコスカ</t>
    </rPh>
    <rPh sb="4" eb="6">
      <t>ミウラ</t>
    </rPh>
    <phoneticPr fontId="2"/>
  </si>
  <si>
    <t>湘南東部</t>
    <rPh sb="0" eb="2">
      <t>ショウナン</t>
    </rPh>
    <rPh sb="2" eb="4">
      <t>トウブ</t>
    </rPh>
    <phoneticPr fontId="2"/>
  </si>
  <si>
    <t>湘南西部</t>
    <rPh sb="0" eb="2">
      <t>ショウナン</t>
    </rPh>
    <rPh sb="2" eb="4">
      <t>セイブ</t>
    </rPh>
    <phoneticPr fontId="2"/>
  </si>
  <si>
    <t>県央</t>
    <rPh sb="0" eb="2">
      <t>ケンオウ</t>
    </rPh>
    <phoneticPr fontId="2"/>
  </si>
  <si>
    <t>県西</t>
    <rPh sb="0" eb="2">
      <t>ケンセイ</t>
    </rPh>
    <phoneticPr fontId="2"/>
  </si>
  <si>
    <t>全体</t>
  </si>
  <si>
    <t>常勤</t>
  </si>
  <si>
    <t>非常勤</t>
  </si>
  <si>
    <t>保健師</t>
  </si>
  <si>
    <t>助産師</t>
  </si>
  <si>
    <t>看護師</t>
  </si>
  <si>
    <t>准看護師</t>
  </si>
  <si>
    <t>二次医療圏</t>
  </si>
  <si>
    <t>横浜</t>
  </si>
  <si>
    <t>川崎</t>
  </si>
  <si>
    <t>相模原</t>
  </si>
  <si>
    <t>横須賀・三浦</t>
  </si>
  <si>
    <t>湘南東部</t>
  </si>
  <si>
    <t>湘南西部</t>
  </si>
  <si>
    <t>県央</t>
  </si>
  <si>
    <t>県西</t>
  </si>
  <si>
    <t>〔全体〕</t>
    <rPh sb="1" eb="3">
      <t>ゼンタイ</t>
    </rPh>
    <phoneticPr fontId="2"/>
  </si>
  <si>
    <t>（１）　病床数別離職率</t>
    <phoneticPr fontId="2"/>
  </si>
  <si>
    <t>（２）　職種別離職率</t>
    <phoneticPr fontId="2"/>
  </si>
  <si>
    <t>（３）　二次医療圏別離職率</t>
    <phoneticPr fontId="2"/>
  </si>
  <si>
    <t>（１）　病床数別離職率</t>
    <rPh sb="4" eb="7">
      <t>ビョウショウスウ</t>
    </rPh>
    <rPh sb="7" eb="8">
      <t>ベツ</t>
    </rPh>
    <rPh sb="8" eb="11">
      <t>リショクリツ</t>
    </rPh>
    <phoneticPr fontId="2"/>
  </si>
  <si>
    <t>２年目</t>
  </si>
  <si>
    <t>結婚</t>
    <rPh sb="0" eb="2">
      <t>ケッコン</t>
    </rPh>
    <phoneticPr fontId="2"/>
  </si>
  <si>
    <t>進学</t>
    <rPh sb="0" eb="2">
      <t>シンガク</t>
    </rPh>
    <phoneticPr fontId="2"/>
  </si>
  <si>
    <t>看護職以外に転職</t>
    <rPh sb="0" eb="3">
      <t>カンゴショク</t>
    </rPh>
    <rPh sb="3" eb="5">
      <t>イガイ</t>
    </rPh>
    <rPh sb="6" eb="8">
      <t>テンショク</t>
    </rPh>
    <phoneticPr fontId="2"/>
  </si>
  <si>
    <t>合計</t>
    <rPh sb="0" eb="2">
      <t>ゴウケイ</t>
    </rPh>
    <phoneticPr fontId="2"/>
  </si>
  <si>
    <t>合　計</t>
    <phoneticPr fontId="1"/>
  </si>
  <si>
    <t>（１）　病床数別採用状況</t>
    <rPh sb="4" eb="7">
      <t>ビョウショウスウ</t>
    </rPh>
    <rPh sb="7" eb="8">
      <t>ベツ</t>
    </rPh>
    <rPh sb="8" eb="10">
      <t>サイヨウ</t>
    </rPh>
    <rPh sb="10" eb="12">
      <t>ジョウキョウ</t>
    </rPh>
    <phoneticPr fontId="1"/>
  </si>
  <si>
    <t>全体</t>
    <rPh sb="0" eb="2">
      <t>ゼンタイ</t>
    </rPh>
    <phoneticPr fontId="1"/>
  </si>
  <si>
    <t>常勤</t>
    <rPh sb="0" eb="2">
      <t>ジョウキン</t>
    </rPh>
    <phoneticPr fontId="1"/>
  </si>
  <si>
    <t>非常勤</t>
    <rPh sb="0" eb="3">
      <t>ヒジョウキン</t>
    </rPh>
    <phoneticPr fontId="1"/>
  </si>
  <si>
    <t>県内</t>
    <rPh sb="0" eb="2">
      <t>ケンナイ</t>
    </rPh>
    <phoneticPr fontId="1"/>
  </si>
  <si>
    <t>県外</t>
    <rPh sb="0" eb="1">
      <t>ケン</t>
    </rPh>
    <rPh sb="1" eb="2">
      <t>ガイ</t>
    </rPh>
    <phoneticPr fontId="1"/>
  </si>
  <si>
    <t>合計</t>
    <rPh sb="0" eb="2">
      <t>ゴウケイ</t>
    </rPh>
    <phoneticPr fontId="1"/>
  </si>
  <si>
    <t>（２）　職種別採用状況</t>
    <rPh sb="4" eb="7">
      <t>ショクシュベツ</t>
    </rPh>
    <rPh sb="7" eb="9">
      <t>サイヨウ</t>
    </rPh>
    <rPh sb="9" eb="11">
      <t>ジョウキョウ</t>
    </rPh>
    <phoneticPr fontId="1"/>
  </si>
  <si>
    <t>病床数</t>
    <rPh sb="0" eb="3">
      <t>ビョウショウスウ</t>
    </rPh>
    <phoneticPr fontId="1"/>
  </si>
  <si>
    <t>本人の
心身の不良</t>
    <rPh sb="0" eb="2">
      <t>ホンニン</t>
    </rPh>
    <rPh sb="4" eb="6">
      <t>シンシン</t>
    </rPh>
    <rPh sb="7" eb="9">
      <t>フリョウ</t>
    </rPh>
    <phoneticPr fontId="2"/>
  </si>
  <si>
    <t>家族の
健康・介護</t>
    <rPh sb="0" eb="2">
      <t>カゾク</t>
    </rPh>
    <rPh sb="4" eb="6">
      <t>ケンコウ</t>
    </rPh>
    <rPh sb="7" eb="9">
      <t>カイゴ</t>
    </rPh>
    <phoneticPr fontId="2"/>
  </si>
  <si>
    <t>転居</t>
    <rPh sb="0" eb="2">
      <t>テンキョ</t>
    </rPh>
    <phoneticPr fontId="2"/>
  </si>
  <si>
    <t>教育体制</t>
    <rPh sb="0" eb="2">
      <t>キョウイク</t>
    </rPh>
    <rPh sb="2" eb="4">
      <t>タイセイ</t>
    </rPh>
    <phoneticPr fontId="2"/>
  </si>
  <si>
    <t>職場の
人間関係</t>
    <rPh sb="0" eb="2">
      <t>ショクバ</t>
    </rPh>
    <rPh sb="4" eb="6">
      <t>ニンゲン</t>
    </rPh>
    <rPh sb="6" eb="8">
      <t>カンケイ</t>
    </rPh>
    <phoneticPr fontId="2"/>
  </si>
  <si>
    <t>給与
福利厚生</t>
    <rPh sb="0" eb="2">
      <t>キュウヨ</t>
    </rPh>
    <rPh sb="3" eb="5">
      <t>フクリ</t>
    </rPh>
    <rPh sb="5" eb="7">
      <t>コウセイ</t>
    </rPh>
    <phoneticPr fontId="2"/>
  </si>
  <si>
    <t>勤務負担の
重さ</t>
    <rPh sb="0" eb="2">
      <t>キンム</t>
    </rPh>
    <rPh sb="2" eb="4">
      <t>フタン</t>
    </rPh>
    <rPh sb="6" eb="7">
      <t>オモ</t>
    </rPh>
    <phoneticPr fontId="2"/>
  </si>
  <si>
    <t>他の病院</t>
    <rPh sb="0" eb="1">
      <t>タ</t>
    </rPh>
    <rPh sb="2" eb="4">
      <t>ビョウイン</t>
    </rPh>
    <phoneticPr fontId="2"/>
  </si>
  <si>
    <t>その他</t>
    <rPh sb="2" eb="3">
      <t>タ</t>
    </rPh>
    <phoneticPr fontId="2"/>
  </si>
  <si>
    <t>不明</t>
    <rPh sb="0" eb="2">
      <t>フメイ</t>
    </rPh>
    <phoneticPr fontId="2"/>
  </si>
  <si>
    <t>病棟</t>
    <rPh sb="0" eb="2">
      <t>ビョウトウ</t>
    </rPh>
    <phoneticPr fontId="1"/>
  </si>
  <si>
    <t>外来</t>
    <rPh sb="0" eb="2">
      <t>ガイライ</t>
    </rPh>
    <phoneticPr fontId="1"/>
  </si>
  <si>
    <t>手術室</t>
    <rPh sb="0" eb="2">
      <t>シュジュツ</t>
    </rPh>
    <rPh sb="2" eb="3">
      <t>シツ</t>
    </rPh>
    <phoneticPr fontId="1"/>
  </si>
  <si>
    <t xml:space="preserve">（１）　病床数別離職率  </t>
    <rPh sb="6" eb="7">
      <t>スウ</t>
    </rPh>
    <rPh sb="10" eb="11">
      <t>リツ</t>
    </rPh>
    <phoneticPr fontId="2"/>
  </si>
  <si>
    <t>職種</t>
    <rPh sb="0" eb="2">
      <t>ショクシュ</t>
    </rPh>
    <phoneticPr fontId="1"/>
  </si>
  <si>
    <t>看護師</t>
    <rPh sb="0" eb="2">
      <t>カンゴ</t>
    </rPh>
    <rPh sb="2" eb="3">
      <t>シ</t>
    </rPh>
    <phoneticPr fontId="1"/>
  </si>
  <si>
    <t>准看護師</t>
    <rPh sb="0" eb="4">
      <t>ジュンカンゴシ</t>
    </rPh>
    <phoneticPr fontId="1"/>
  </si>
  <si>
    <t>（１）　病床数別採用状況</t>
    <rPh sb="4" eb="7">
      <t>ビョウショウスウ</t>
    </rPh>
    <rPh sb="7" eb="8">
      <t>ベツ</t>
    </rPh>
    <rPh sb="8" eb="10">
      <t>サイヨウ</t>
    </rPh>
    <rPh sb="10" eb="12">
      <t>ジョウキョウ</t>
    </rPh>
    <phoneticPr fontId="2"/>
  </si>
  <si>
    <t>合　計</t>
    <phoneticPr fontId="1"/>
  </si>
  <si>
    <t>横浜</t>
    <rPh sb="0" eb="2">
      <t>ヨコハマ</t>
    </rPh>
    <phoneticPr fontId="1"/>
  </si>
  <si>
    <t>川崎</t>
    <rPh sb="0" eb="2">
      <t>カワサキ</t>
    </rPh>
    <phoneticPr fontId="1"/>
  </si>
  <si>
    <t>※複数回答可</t>
    <rPh sb="1" eb="3">
      <t>フクスウ</t>
    </rPh>
    <rPh sb="3" eb="5">
      <t>カイトウ</t>
    </rPh>
    <rPh sb="5" eb="6">
      <t>カ</t>
    </rPh>
    <phoneticPr fontId="1"/>
  </si>
  <si>
    <t>（２）　職種別採用状況</t>
    <rPh sb="4" eb="6">
      <t>ショクシュ</t>
    </rPh>
    <rPh sb="6" eb="7">
      <t>ベツ</t>
    </rPh>
    <rPh sb="7" eb="9">
      <t>サイヨウ</t>
    </rPh>
    <rPh sb="9" eb="11">
      <t>ジョウキョウ</t>
    </rPh>
    <phoneticPr fontId="2"/>
  </si>
  <si>
    <t>出産
育児</t>
    <rPh sb="0" eb="2">
      <t>シュッサン</t>
    </rPh>
    <rPh sb="3" eb="5">
      <t>イクジ</t>
    </rPh>
    <phoneticPr fontId="2"/>
  </si>
  <si>
    <t>５．退職理由</t>
    <rPh sb="2" eb="4">
      <t>タイショク</t>
    </rPh>
    <rPh sb="4" eb="6">
      <t>リユウ</t>
    </rPh>
    <phoneticPr fontId="2"/>
  </si>
  <si>
    <t>20～99</t>
    <phoneticPr fontId="1"/>
  </si>
  <si>
    <t>400～499</t>
    <phoneticPr fontId="1"/>
  </si>
  <si>
    <t>平均職員数：</t>
    <rPh sb="0" eb="2">
      <t>ヘイキン</t>
    </rPh>
    <rPh sb="2" eb="4">
      <t>ショクイン</t>
    </rPh>
    <rPh sb="4" eb="5">
      <t>スウ</t>
    </rPh>
    <phoneticPr fontId="1"/>
  </si>
  <si>
    <t>離職率（％）＝退職者数/平均職員数＊100</t>
    <rPh sb="0" eb="3">
      <t>リショクリツ</t>
    </rPh>
    <rPh sb="7" eb="9">
      <t>タイショク</t>
    </rPh>
    <rPh sb="9" eb="10">
      <t>シャ</t>
    </rPh>
    <rPh sb="10" eb="11">
      <t>スウ</t>
    </rPh>
    <rPh sb="12" eb="14">
      <t>ヘイキン</t>
    </rPh>
    <rPh sb="14" eb="16">
      <t>ショクイン</t>
    </rPh>
    <rPh sb="16" eb="17">
      <t>スウ</t>
    </rPh>
    <phoneticPr fontId="1"/>
  </si>
  <si>
    <t>20～99</t>
  </si>
  <si>
    <t>100～199</t>
  </si>
  <si>
    <t>200～299</t>
  </si>
  <si>
    <t>300～399</t>
  </si>
  <si>
    <t>400～499</t>
  </si>
  <si>
    <t>退職者数　：</t>
    <rPh sb="0" eb="3">
      <t>タイショクシャ</t>
    </rPh>
    <rPh sb="3" eb="4">
      <t>スウ</t>
    </rPh>
    <phoneticPr fontId="1"/>
  </si>
  <si>
    <t>人数</t>
    <rPh sb="0" eb="2">
      <t>ニンズウ</t>
    </rPh>
    <phoneticPr fontId="2"/>
  </si>
  <si>
    <t>呼吸器（気道確保に係るもの）関連</t>
  </si>
  <si>
    <t>呼吸器（人工呼吸療法に係るもの）関連</t>
  </si>
  <si>
    <t>呼吸器（長期呼吸療法に係るもの）関連</t>
  </si>
  <si>
    <t>循環器関連</t>
  </si>
  <si>
    <t>心嚢ドレーン管理関連</t>
    <rPh sb="1" eb="2">
      <t>ノウ</t>
    </rPh>
    <phoneticPr fontId="11"/>
  </si>
  <si>
    <t>胸腔ドレーン管理関連</t>
  </si>
  <si>
    <t>腹腔ドレーン管理関連</t>
  </si>
  <si>
    <t>ろう孔管理関連</t>
  </si>
  <si>
    <t>栄養に係るカテーテル管理（中心静脈カテーテル管理）関連</t>
  </si>
  <si>
    <t>創傷管理関連</t>
  </si>
  <si>
    <t>創部ドレーン管理関連</t>
  </si>
  <si>
    <t>動脈血液ガス分析関連</t>
  </si>
  <si>
    <t>透析管理関連</t>
  </si>
  <si>
    <t>栄養及び水分管理に係る薬剤投与関連</t>
  </si>
  <si>
    <t>感染に係る薬剤投与関連</t>
  </si>
  <si>
    <t>血糖コントロールに係る薬剤投与関連</t>
  </si>
  <si>
    <t>循環動態に係る薬剤投与関連</t>
  </si>
  <si>
    <t>精神及び神経症状に係る薬剤投与関連</t>
  </si>
  <si>
    <t>皮膚損傷に係る薬剤投与関連</t>
  </si>
  <si>
    <t>８．特定行為研修制度</t>
    <rPh sb="2" eb="4">
      <t>トクテイ</t>
    </rPh>
    <rPh sb="4" eb="6">
      <t>コウイ</t>
    </rPh>
    <rPh sb="6" eb="8">
      <t>ケンシュウ</t>
    </rPh>
    <rPh sb="8" eb="10">
      <t>セイド</t>
    </rPh>
    <phoneticPr fontId="2"/>
  </si>
  <si>
    <t>　　　特定行為区分の名称</t>
    <rPh sb="3" eb="5">
      <t>トクテイ</t>
    </rPh>
    <rPh sb="5" eb="7">
      <t>コウイ</t>
    </rPh>
    <rPh sb="7" eb="9">
      <t>クブン</t>
    </rPh>
    <rPh sb="10" eb="12">
      <t>メイショウ</t>
    </rPh>
    <phoneticPr fontId="11"/>
  </si>
  <si>
    <t>修了者人数</t>
    <rPh sb="0" eb="3">
      <t>シュウリョウシャ</t>
    </rPh>
    <rPh sb="3" eb="5">
      <t>ニンズウ</t>
    </rPh>
    <phoneticPr fontId="11"/>
  </si>
  <si>
    <t>栄養に係るカテーテル管理（末梢留置型中心静脈注射用カテーテル管理）関連</t>
    <phoneticPr fontId="11"/>
  </si>
  <si>
    <t>術後疼痛管理関連</t>
    <rPh sb="2" eb="3">
      <t>トウ</t>
    </rPh>
    <phoneticPr fontId="11"/>
  </si>
  <si>
    <t>合計（延べ）</t>
    <rPh sb="0" eb="2">
      <t>ゴウケイ</t>
    </rPh>
    <rPh sb="3" eb="4">
      <t>ノ</t>
    </rPh>
    <phoneticPr fontId="11"/>
  </si>
  <si>
    <t>その他</t>
    <rPh sb="2" eb="3">
      <t>ホカ</t>
    </rPh>
    <phoneticPr fontId="2"/>
  </si>
  <si>
    <t>100～199</t>
    <phoneticPr fontId="1"/>
  </si>
  <si>
    <t>200～299</t>
    <phoneticPr fontId="1"/>
  </si>
  <si>
    <t>300～399</t>
    <phoneticPr fontId="1"/>
  </si>
  <si>
    <t>500～</t>
    <phoneticPr fontId="1"/>
  </si>
  <si>
    <t>合計</t>
    <phoneticPr fontId="1"/>
  </si>
  <si>
    <t>必要がない</t>
    <rPh sb="0" eb="2">
      <t>ヒツヨウ</t>
    </rPh>
    <phoneticPr fontId="1"/>
  </si>
  <si>
    <t>経済的余裕がない</t>
    <rPh sb="0" eb="3">
      <t>ケイザイテキ</t>
    </rPh>
    <rPh sb="3" eb="5">
      <t>ヨユウ</t>
    </rPh>
    <phoneticPr fontId="1"/>
  </si>
  <si>
    <t>時間的余裕がない</t>
    <rPh sb="0" eb="3">
      <t>ジカンテキ</t>
    </rPh>
    <rPh sb="3" eb="5">
      <t>ヨユウ</t>
    </rPh>
    <phoneticPr fontId="1"/>
  </si>
  <si>
    <t>その他</t>
    <rPh sb="2" eb="3">
      <t>ホカ</t>
    </rPh>
    <phoneticPr fontId="1"/>
  </si>
  <si>
    <t>20～99</t>
    <phoneticPr fontId="1"/>
  </si>
  <si>
    <t>300～399</t>
    <phoneticPr fontId="2"/>
  </si>
  <si>
    <t>400～499</t>
    <phoneticPr fontId="1"/>
  </si>
  <si>
    <t>（２）二次医療圏別看護補助者数</t>
    <rPh sb="9" eb="11">
      <t>カンゴ</t>
    </rPh>
    <rPh sb="11" eb="14">
      <t>ホジョシャ</t>
    </rPh>
    <rPh sb="14" eb="15">
      <t>スウ</t>
    </rPh>
    <phoneticPr fontId="2"/>
  </si>
  <si>
    <t>（３）配置部署別の充足状況（病床数別）</t>
    <rPh sb="3" eb="5">
      <t>ハイチ</t>
    </rPh>
    <rPh sb="5" eb="7">
      <t>ブショ</t>
    </rPh>
    <rPh sb="7" eb="8">
      <t>ベツ</t>
    </rPh>
    <rPh sb="9" eb="11">
      <t>ジュウソク</t>
    </rPh>
    <rPh sb="11" eb="13">
      <t>ジョウキョウ</t>
    </rPh>
    <rPh sb="14" eb="17">
      <t>ビョウショウスウ</t>
    </rPh>
    <rPh sb="17" eb="18">
      <t>ベツ</t>
    </rPh>
    <phoneticPr fontId="2"/>
  </si>
  <si>
    <t>（３）　二次医療圏別採用状況</t>
    <rPh sb="4" eb="6">
      <t>ニジ</t>
    </rPh>
    <rPh sb="6" eb="8">
      <t>イリョウ</t>
    </rPh>
    <rPh sb="8" eb="9">
      <t>ケン</t>
    </rPh>
    <rPh sb="9" eb="10">
      <t>ベツ</t>
    </rPh>
    <rPh sb="10" eb="12">
      <t>サイヨウ</t>
    </rPh>
    <rPh sb="12" eb="14">
      <t>ジョウキョウ</t>
    </rPh>
    <phoneticPr fontId="1"/>
  </si>
  <si>
    <t>川崎</t>
    <phoneticPr fontId="1"/>
  </si>
  <si>
    <t>定年退職</t>
    <rPh sb="0" eb="2">
      <t>テイネン</t>
    </rPh>
    <rPh sb="2" eb="4">
      <t>タイショク</t>
    </rPh>
    <phoneticPr fontId="1"/>
  </si>
  <si>
    <t>県内就職先</t>
    <rPh sb="0" eb="2">
      <t>ケンナイ</t>
    </rPh>
    <rPh sb="2" eb="4">
      <t>シュウショク</t>
    </rPh>
    <rPh sb="4" eb="5">
      <t>サキ</t>
    </rPh>
    <phoneticPr fontId="2"/>
  </si>
  <si>
    <t>３年目</t>
    <phoneticPr fontId="11"/>
  </si>
  <si>
    <t>５年目</t>
    <phoneticPr fontId="11"/>
  </si>
  <si>
    <t>６年目以降</t>
    <rPh sb="3" eb="5">
      <t>イコウ</t>
    </rPh>
    <phoneticPr fontId="11"/>
  </si>
  <si>
    <t>　看護職以外に転職
(他業種・他職種への転職)</t>
    <phoneticPr fontId="11"/>
  </si>
  <si>
    <t>　定年退職</t>
    <rPh sb="1" eb="3">
      <t>テイネン</t>
    </rPh>
    <rPh sb="3" eb="5">
      <t>タイショク</t>
    </rPh>
    <phoneticPr fontId="11"/>
  </si>
  <si>
    <t>　結婚</t>
    <rPh sb="1" eb="3">
      <t>ケッコン</t>
    </rPh>
    <phoneticPr fontId="11"/>
  </si>
  <si>
    <t>　出産・育児</t>
    <rPh sb="1" eb="3">
      <t>シュッサン</t>
    </rPh>
    <rPh sb="4" eb="6">
      <t>イクジ</t>
    </rPh>
    <phoneticPr fontId="11"/>
  </si>
  <si>
    <t>　進学</t>
    <rPh sb="1" eb="3">
      <t>シンガク</t>
    </rPh>
    <phoneticPr fontId="11"/>
  </si>
  <si>
    <t>　本人の心身の不良</t>
    <phoneticPr fontId="11"/>
  </si>
  <si>
    <t>　家族の健康・介護</t>
    <phoneticPr fontId="11"/>
  </si>
  <si>
    <t>　転居</t>
    <phoneticPr fontId="11"/>
  </si>
  <si>
    <t>　教育体制</t>
    <rPh sb="1" eb="3">
      <t>キョウイク</t>
    </rPh>
    <rPh sb="3" eb="5">
      <t>タイセイ</t>
    </rPh>
    <phoneticPr fontId="11"/>
  </si>
  <si>
    <t>　勤務負担の重さ</t>
    <rPh sb="1" eb="3">
      <t>キンム</t>
    </rPh>
    <rPh sb="3" eb="5">
      <t>フタン</t>
    </rPh>
    <rPh sb="6" eb="7">
      <t>オモ</t>
    </rPh>
    <phoneticPr fontId="11"/>
  </si>
  <si>
    <t>　給与・福利厚生</t>
    <rPh sb="1" eb="3">
      <t>キュウヨ</t>
    </rPh>
    <rPh sb="4" eb="6">
      <t>フクリ</t>
    </rPh>
    <rPh sb="6" eb="8">
      <t>コウセイ</t>
    </rPh>
    <phoneticPr fontId="11"/>
  </si>
  <si>
    <t>　職場の人間関係</t>
    <rPh sb="1" eb="3">
      <t>ショクバ</t>
    </rPh>
    <rPh sb="4" eb="6">
      <t>ニンゲン</t>
    </rPh>
    <rPh sb="6" eb="8">
      <t>カンケイ</t>
    </rPh>
    <phoneticPr fontId="11"/>
  </si>
  <si>
    <t>その他</t>
    <rPh sb="2" eb="3">
      <t>ホカ</t>
    </rPh>
    <phoneticPr fontId="11"/>
  </si>
  <si>
    <t>不明</t>
    <rPh sb="0" eb="2">
      <t>フメイ</t>
    </rPh>
    <phoneticPr fontId="11"/>
  </si>
  <si>
    <t>計</t>
    <rPh sb="0" eb="1">
      <t>ケイ</t>
    </rPh>
    <phoneticPr fontId="11"/>
  </si>
  <si>
    <t>退職理由</t>
    <phoneticPr fontId="11"/>
  </si>
  <si>
    <t>通算経験</t>
    <phoneticPr fontId="11"/>
  </si>
  <si>
    <t>２年目</t>
    <phoneticPr fontId="11"/>
  </si>
  <si>
    <t>４年目</t>
    <phoneticPr fontId="11"/>
  </si>
  <si>
    <t>新人</t>
    <rPh sb="0" eb="2">
      <t>シンジン</t>
    </rPh>
    <phoneticPr fontId="1"/>
  </si>
  <si>
    <t>３年目</t>
    <rPh sb="1" eb="3">
      <t>ネンメ</t>
    </rPh>
    <phoneticPr fontId="1"/>
  </si>
  <si>
    <t>４年目</t>
    <rPh sb="1" eb="3">
      <t>ネンメ</t>
    </rPh>
    <phoneticPr fontId="1"/>
  </si>
  <si>
    <t>５年目</t>
    <rPh sb="1" eb="3">
      <t>ネンメ</t>
    </rPh>
    <phoneticPr fontId="1"/>
  </si>
  <si>
    <t>（３）　二次医療圏別</t>
    <rPh sb="4" eb="6">
      <t>ニジ</t>
    </rPh>
    <rPh sb="6" eb="8">
      <t>イリョウ</t>
    </rPh>
    <rPh sb="8" eb="9">
      <t>ケン</t>
    </rPh>
    <rPh sb="9" eb="10">
      <t>ベツ</t>
    </rPh>
    <phoneticPr fontId="1"/>
  </si>
  <si>
    <t>二次医療圏</t>
    <rPh sb="0" eb="5">
      <t>ニジイリョウケン</t>
    </rPh>
    <phoneticPr fontId="1"/>
  </si>
  <si>
    <t>職種</t>
    <rPh sb="0" eb="2">
      <t>ショクシュ</t>
    </rPh>
    <phoneticPr fontId="1"/>
  </si>
  <si>
    <t>訪問看護ＳＴ</t>
    <rPh sb="0" eb="4">
      <t>ホウモンカンゴ</t>
    </rPh>
    <phoneticPr fontId="2"/>
  </si>
  <si>
    <t>老健・特養</t>
    <rPh sb="0" eb="2">
      <t>ロウケン</t>
    </rPh>
    <rPh sb="3" eb="5">
      <t>トクヨウ</t>
    </rPh>
    <phoneticPr fontId="2"/>
  </si>
  <si>
    <t>採用あり</t>
    <rPh sb="0" eb="2">
      <t>サイヨウ</t>
    </rPh>
    <phoneticPr fontId="2"/>
  </si>
  <si>
    <t>①全て自施設</t>
    <rPh sb="1" eb="2">
      <t>スベ</t>
    </rPh>
    <rPh sb="3" eb="4">
      <t>ジ</t>
    </rPh>
    <rPh sb="4" eb="6">
      <t>シセツ</t>
    </rPh>
    <phoneticPr fontId="1"/>
  </si>
  <si>
    <t>②一部外部</t>
    <rPh sb="1" eb="3">
      <t>イチブ</t>
    </rPh>
    <rPh sb="3" eb="5">
      <t>ガイブ</t>
    </rPh>
    <phoneticPr fontId="1"/>
  </si>
  <si>
    <t>③全て外部</t>
    <rPh sb="1" eb="2">
      <t>スベ</t>
    </rPh>
    <rPh sb="3" eb="5">
      <t>ガイブ</t>
    </rPh>
    <phoneticPr fontId="1"/>
  </si>
  <si>
    <t>④実施していない</t>
    <rPh sb="1" eb="3">
      <t>ジッシ</t>
    </rPh>
    <phoneticPr fontId="2"/>
  </si>
  <si>
    <t>変更無し</t>
    <rPh sb="0" eb="2">
      <t>ヘンコウ</t>
    </rPh>
    <rPh sb="2" eb="3">
      <t>ナ</t>
    </rPh>
    <phoneticPr fontId="1"/>
  </si>
  <si>
    <t>ＯＪＴ振替</t>
    <rPh sb="3" eb="5">
      <t>フリカエ</t>
    </rPh>
    <phoneticPr fontId="1"/>
  </si>
  <si>
    <t>対面中止</t>
    <rPh sb="0" eb="2">
      <t>タイメン</t>
    </rPh>
    <rPh sb="2" eb="4">
      <t>チュウシ</t>
    </rPh>
    <phoneticPr fontId="1"/>
  </si>
  <si>
    <t>対面縮小</t>
    <rPh sb="0" eb="2">
      <t>タイメン</t>
    </rPh>
    <rPh sb="2" eb="4">
      <t>シュクショウ</t>
    </rPh>
    <phoneticPr fontId="1"/>
  </si>
  <si>
    <t>※複数回答可</t>
    <rPh sb="1" eb="3">
      <t>フクスウ</t>
    </rPh>
    <rPh sb="3" eb="5">
      <t>カイトウ</t>
    </rPh>
    <rPh sb="5" eb="6">
      <t>カ</t>
    </rPh>
    <phoneticPr fontId="1"/>
  </si>
  <si>
    <t xml:space="preserve">平均職員数    </t>
    <rPh sb="0" eb="2">
      <t>ヘイキン</t>
    </rPh>
    <rPh sb="2" eb="4">
      <t>ショクイン</t>
    </rPh>
    <rPh sb="4" eb="5">
      <t>スウ</t>
    </rPh>
    <phoneticPr fontId="1"/>
  </si>
  <si>
    <t>自施設雇用</t>
    <rPh sb="0" eb="1">
      <t>ジ</t>
    </rPh>
    <rPh sb="1" eb="3">
      <t>シセツ</t>
    </rPh>
    <rPh sb="3" eb="5">
      <t>コヨウ</t>
    </rPh>
    <phoneticPr fontId="2"/>
  </si>
  <si>
    <t>委託派遣等</t>
    <rPh sb="0" eb="2">
      <t>イタク</t>
    </rPh>
    <rPh sb="2" eb="4">
      <t>ハケン</t>
    </rPh>
    <rPh sb="4" eb="5">
      <t>トウ</t>
    </rPh>
    <phoneticPr fontId="2"/>
  </si>
  <si>
    <t>（１）病床数別看護補助者数</t>
    <rPh sb="6" eb="7">
      <t>ベツ</t>
    </rPh>
    <rPh sb="7" eb="9">
      <t>カンゴ</t>
    </rPh>
    <rPh sb="9" eb="12">
      <t>ホジョシャ</t>
    </rPh>
    <rPh sb="12" eb="13">
      <t>スウ</t>
    </rPh>
    <phoneticPr fontId="2"/>
  </si>
  <si>
    <t>看護補助者
合計</t>
    <rPh sb="0" eb="2">
      <t>カンゴ</t>
    </rPh>
    <rPh sb="2" eb="5">
      <t>ホジョシャ</t>
    </rPh>
    <rPh sb="6" eb="8">
      <t>ゴウケイ</t>
    </rPh>
    <phoneticPr fontId="1"/>
  </si>
  <si>
    <t>看護補助者
合計</t>
    <rPh sb="0" eb="2">
      <t>カンゴ</t>
    </rPh>
    <rPh sb="2" eb="4">
      <t>ホジョ</t>
    </rPh>
    <rPh sb="4" eb="5">
      <t>シャ</t>
    </rPh>
    <rPh sb="6" eb="8">
      <t>ゴウケイ</t>
    </rPh>
    <phoneticPr fontId="1"/>
  </si>
  <si>
    <t>離職率</t>
  </si>
  <si>
    <t>職種</t>
    <phoneticPr fontId="1"/>
  </si>
  <si>
    <t>職種</t>
    <phoneticPr fontId="1"/>
  </si>
  <si>
    <t>二次医療圏</t>
    <rPh sb="0" eb="2">
      <t>ニジ</t>
    </rPh>
    <rPh sb="2" eb="4">
      <t>イリョウ</t>
    </rPh>
    <rPh sb="4" eb="5">
      <t>ケン</t>
    </rPh>
    <phoneticPr fontId="1"/>
  </si>
  <si>
    <t>県内</t>
    <rPh sb="0" eb="2">
      <t>ケンナイ</t>
    </rPh>
    <phoneticPr fontId="2"/>
  </si>
  <si>
    <t>県外</t>
    <rPh sb="0" eb="2">
      <t>ケンガイ</t>
    </rPh>
    <phoneticPr fontId="2"/>
  </si>
  <si>
    <t>決まっていない</t>
    <rPh sb="0" eb="1">
      <t>キ</t>
    </rPh>
    <phoneticPr fontId="2"/>
  </si>
  <si>
    <t>採用必要数</t>
    <rPh sb="0" eb="2">
      <t>サイヨウ</t>
    </rPh>
    <rPh sb="2" eb="5">
      <t>ヒツヨウスウ</t>
    </rPh>
    <phoneticPr fontId="1"/>
  </si>
  <si>
    <t>採用者数</t>
    <rPh sb="0" eb="3">
      <t>サイヨウシャ</t>
    </rPh>
    <rPh sb="3" eb="4">
      <t>スウ</t>
    </rPh>
    <phoneticPr fontId="1"/>
  </si>
  <si>
    <t>二次医療圏</t>
    <rPh sb="0" eb="2">
      <t>ニジ</t>
    </rPh>
    <rPh sb="2" eb="4">
      <t>イリョウ</t>
    </rPh>
    <rPh sb="4" eb="5">
      <t>ケン</t>
    </rPh>
    <phoneticPr fontId="1"/>
  </si>
  <si>
    <t>６．新人研修</t>
    <rPh sb="2" eb="4">
      <t>シンジン</t>
    </rPh>
    <rPh sb="4" eb="6">
      <t>ケンシュウ</t>
    </rPh>
    <phoneticPr fontId="2"/>
  </si>
  <si>
    <t>２．新卒新採用職員　採用状況と離職率</t>
    <rPh sb="7" eb="9">
      <t>ショクイン</t>
    </rPh>
    <rPh sb="10" eb="12">
      <t>サイヨウ</t>
    </rPh>
    <rPh sb="12" eb="14">
      <t>ジョウキョウ</t>
    </rPh>
    <rPh sb="15" eb="18">
      <t>リショクリツ</t>
    </rPh>
    <phoneticPr fontId="2"/>
  </si>
  <si>
    <t>〔県内の養成校を卒業したもの〕</t>
    <rPh sb="1" eb="3">
      <t>ケンナイ</t>
    </rPh>
    <rPh sb="4" eb="6">
      <t>ヨウセイ</t>
    </rPh>
    <rPh sb="6" eb="7">
      <t>コウ</t>
    </rPh>
    <rPh sb="8" eb="10">
      <t>ソツギョウ</t>
    </rPh>
    <phoneticPr fontId="2"/>
  </si>
  <si>
    <t>〔県外の養成校を卒業したもの〕</t>
    <rPh sb="1" eb="3">
      <t>ケンガイ</t>
    </rPh>
    <rPh sb="4" eb="6">
      <t>ヨウセイ</t>
    </rPh>
    <rPh sb="6" eb="7">
      <t>コウ</t>
    </rPh>
    <rPh sb="8" eb="10">
      <t>ソツギョウ</t>
    </rPh>
    <phoneticPr fontId="2"/>
  </si>
  <si>
    <t>（１）　病床数別　退職理由（人数）</t>
    <rPh sb="4" eb="7">
      <t>ビョウショウスウ</t>
    </rPh>
    <rPh sb="7" eb="8">
      <t>ベツ</t>
    </rPh>
    <rPh sb="9" eb="11">
      <t>タイショク</t>
    </rPh>
    <rPh sb="11" eb="13">
      <t>リユウ</t>
    </rPh>
    <rPh sb="14" eb="16">
      <t>ニンズウ</t>
    </rPh>
    <phoneticPr fontId="2"/>
  </si>
  <si>
    <t>（３）　経験年数別退職理由（人数）</t>
    <rPh sb="4" eb="6">
      <t>ケイケン</t>
    </rPh>
    <rPh sb="6" eb="8">
      <t>ネンスウ</t>
    </rPh>
    <rPh sb="8" eb="9">
      <t>ベツ</t>
    </rPh>
    <rPh sb="9" eb="11">
      <t>タイショク</t>
    </rPh>
    <rPh sb="11" eb="13">
      <t>リユウ</t>
    </rPh>
    <rPh sb="14" eb="16">
      <t>ニンズウ</t>
    </rPh>
    <phoneticPr fontId="1"/>
  </si>
  <si>
    <t>全体</t>
    <phoneticPr fontId="1"/>
  </si>
  <si>
    <t>離職率　　</t>
  </si>
  <si>
    <t>離職率（％）＝退職者数/平均職員数＊100</t>
    <rPh sb="7" eb="9">
      <t>タイショク</t>
    </rPh>
    <rPh sb="9" eb="10">
      <t>シャ</t>
    </rPh>
    <rPh sb="10" eb="11">
      <t>スウ</t>
    </rPh>
    <rPh sb="12" eb="14">
      <t>ヘイキン</t>
    </rPh>
    <rPh sb="14" eb="16">
      <t>ショクイン</t>
    </rPh>
    <rPh sb="16" eb="17">
      <t>スウ</t>
    </rPh>
    <phoneticPr fontId="1"/>
  </si>
  <si>
    <t>構成比　</t>
    <phoneticPr fontId="1"/>
  </si>
  <si>
    <t>構成比　</t>
    <phoneticPr fontId="1"/>
  </si>
  <si>
    <t>構成比　</t>
    <phoneticPr fontId="1"/>
  </si>
  <si>
    <t>構成比　</t>
    <phoneticPr fontId="1"/>
  </si>
  <si>
    <t>構成比　</t>
    <phoneticPr fontId="1"/>
  </si>
  <si>
    <t>確保率（％）＝採用者数/採用必要数＊100</t>
    <rPh sb="0" eb="2">
      <t>カクホ</t>
    </rPh>
    <rPh sb="7" eb="10">
      <t>サイヨウシャ</t>
    </rPh>
    <rPh sb="10" eb="11">
      <t>スウ</t>
    </rPh>
    <rPh sb="12" eb="14">
      <t>サイヨウ</t>
    </rPh>
    <rPh sb="14" eb="17">
      <t>ヒツヨウスウ</t>
    </rPh>
    <phoneticPr fontId="1"/>
  </si>
  <si>
    <t>保健師</t>
    <rPh sb="0" eb="3">
      <t>ホケンシ</t>
    </rPh>
    <phoneticPr fontId="1"/>
  </si>
  <si>
    <t>新人*</t>
    <rPh sb="0" eb="2">
      <t>シンジン</t>
    </rPh>
    <phoneticPr fontId="1"/>
  </si>
  <si>
    <t>合計（人）</t>
    <rPh sb="0" eb="2">
      <t>ゴウケイ</t>
    </rPh>
    <rPh sb="3" eb="4">
      <t>ニン</t>
    </rPh>
    <phoneticPr fontId="1"/>
  </si>
  <si>
    <t>（４）到達目標の評価　①基本姿勢と態度</t>
    <rPh sb="3" eb="5">
      <t>トウタツ</t>
    </rPh>
    <rPh sb="5" eb="7">
      <t>モクヒョウ</t>
    </rPh>
    <rPh sb="8" eb="10">
      <t>ヒョウカ</t>
    </rPh>
    <rPh sb="12" eb="16">
      <t>キホンシセイ</t>
    </rPh>
    <rPh sb="17" eb="19">
      <t>タイド</t>
    </rPh>
    <phoneticPr fontId="1"/>
  </si>
  <si>
    <t>（５）メンタルサポート・相談体制</t>
    <rPh sb="12" eb="14">
      <t>ソウダン</t>
    </rPh>
    <rPh sb="14" eb="16">
      <t>タイセイ</t>
    </rPh>
    <phoneticPr fontId="1"/>
  </si>
  <si>
    <t>概ねできた</t>
    <rPh sb="0" eb="1">
      <t>オオム</t>
    </rPh>
    <phoneticPr fontId="1"/>
  </si>
  <si>
    <t>できた</t>
    <phoneticPr fontId="1"/>
  </si>
  <si>
    <t>あまりできなかった</t>
    <phoneticPr fontId="1"/>
  </si>
  <si>
    <t>できなかった</t>
    <phoneticPr fontId="1"/>
  </si>
  <si>
    <t>①基本姿勢と態度</t>
    <rPh sb="1" eb="3">
      <t>キホン</t>
    </rPh>
    <rPh sb="3" eb="5">
      <t>シセイ</t>
    </rPh>
    <rPh sb="6" eb="8">
      <t>タイド</t>
    </rPh>
    <phoneticPr fontId="1"/>
  </si>
  <si>
    <t>②看護技術</t>
    <rPh sb="1" eb="3">
      <t>カンゴ</t>
    </rPh>
    <rPh sb="3" eb="5">
      <t>ギジュツ</t>
    </rPh>
    <phoneticPr fontId="1"/>
  </si>
  <si>
    <t>③管理的側面</t>
    <rPh sb="1" eb="4">
      <t>カンリテキ</t>
    </rPh>
    <rPh sb="4" eb="6">
      <t>ソクメン</t>
    </rPh>
    <phoneticPr fontId="1"/>
  </si>
  <si>
    <t>（４）のうち　2・1評価の理由</t>
    <rPh sb="10" eb="12">
      <t>ヒョウカ</t>
    </rPh>
    <rPh sb="13" eb="15">
      <t>リユウ</t>
    </rPh>
    <phoneticPr fontId="1"/>
  </si>
  <si>
    <t>（５）のうち　2・1評価の理由</t>
    <rPh sb="10" eb="12">
      <t>ヒョウカ</t>
    </rPh>
    <rPh sb="13" eb="15">
      <t>リユウ</t>
    </rPh>
    <phoneticPr fontId="1"/>
  </si>
  <si>
    <t>できた/できなかった</t>
    <phoneticPr fontId="1"/>
  </si>
  <si>
    <t>オンライン</t>
  </si>
  <si>
    <t>　１-１看護職員離職率</t>
    <rPh sb="4" eb="6">
      <t>カンゴ</t>
    </rPh>
    <rPh sb="6" eb="8">
      <t>ショクイン</t>
    </rPh>
    <rPh sb="8" eb="11">
      <t>リショクリツ</t>
    </rPh>
    <phoneticPr fontId="2"/>
  </si>
  <si>
    <t>１．看護職員等就業状況</t>
    <rPh sb="2" eb="4">
      <t>カンゴ</t>
    </rPh>
    <rPh sb="4" eb="6">
      <t>ショクイン</t>
    </rPh>
    <rPh sb="6" eb="7">
      <t>トウ</t>
    </rPh>
    <rPh sb="7" eb="9">
      <t>シュウギョウ</t>
    </rPh>
    <rPh sb="9" eb="11">
      <t>ジョウキョウ</t>
    </rPh>
    <phoneticPr fontId="2"/>
  </si>
  <si>
    <t>　１-２外国籍看護職員離職率</t>
    <rPh sb="4" eb="7">
      <t>ガイコクセキ</t>
    </rPh>
    <rPh sb="7" eb="9">
      <t>カンゴ</t>
    </rPh>
    <rPh sb="9" eb="11">
      <t>ショクイン</t>
    </rPh>
    <rPh sb="11" eb="14">
      <t>リショクリツ</t>
    </rPh>
    <phoneticPr fontId="2"/>
  </si>
  <si>
    <t>　１-３看護補助者就業状況</t>
    <rPh sb="4" eb="6">
      <t>カンゴ</t>
    </rPh>
    <rPh sb="6" eb="9">
      <t>ホジョシャ</t>
    </rPh>
    <rPh sb="9" eb="11">
      <t>シュウギョウ</t>
    </rPh>
    <rPh sb="11" eb="13">
      <t>ジョウキョウ</t>
    </rPh>
    <phoneticPr fontId="2"/>
  </si>
  <si>
    <t>（１）　病床数別離職率</t>
    <rPh sb="6" eb="7">
      <t>スウ</t>
    </rPh>
    <rPh sb="10" eb="11">
      <t>リツ</t>
    </rPh>
    <phoneticPr fontId="2"/>
  </si>
  <si>
    <t>Ⅱ</t>
    <phoneticPr fontId="1"/>
  </si>
  <si>
    <t>結果</t>
    <phoneticPr fontId="1"/>
  </si>
  <si>
    <t>退職者数</t>
    <rPh sb="0" eb="3">
      <t>タイショクシャ</t>
    </rPh>
    <rPh sb="3" eb="4">
      <t>スウ</t>
    </rPh>
    <phoneticPr fontId="1"/>
  </si>
  <si>
    <t>合　計</t>
    <phoneticPr fontId="1"/>
  </si>
  <si>
    <t>構成比</t>
    <rPh sb="0" eb="3">
      <t>コウセイヒ</t>
    </rPh>
    <phoneticPr fontId="1"/>
  </si>
  <si>
    <t>３．経験者　採用状況</t>
    <rPh sb="2" eb="5">
      <t>ケイケンシャ</t>
    </rPh>
    <rPh sb="6" eb="8">
      <t>サイヨウ</t>
    </rPh>
    <rPh sb="8" eb="10">
      <t>ジョウキョウ</t>
    </rPh>
    <phoneticPr fontId="1"/>
  </si>
  <si>
    <t>*新人は【２．新卒新採用職員　採用状況と離職率】〔全体〕常勤 再掲</t>
    <rPh sb="1" eb="3">
      <t>シンジン</t>
    </rPh>
    <rPh sb="25" eb="27">
      <t>ゼンタイ</t>
    </rPh>
    <rPh sb="28" eb="30">
      <t>ジョウキン</t>
    </rPh>
    <rPh sb="31" eb="33">
      <t>サイケイ</t>
    </rPh>
    <phoneticPr fontId="1"/>
  </si>
  <si>
    <t>４．常勤職員　経験年数別離職率</t>
    <rPh sb="2" eb="4">
      <t>ジョウキン</t>
    </rPh>
    <rPh sb="4" eb="6">
      <t>ショクイン</t>
    </rPh>
    <rPh sb="7" eb="9">
      <t>ケイケン</t>
    </rPh>
    <rPh sb="9" eb="11">
      <t>ネンスウ</t>
    </rPh>
    <rPh sb="11" eb="12">
      <t>ベツ</t>
    </rPh>
    <rPh sb="12" eb="15">
      <t>リショクリツ</t>
    </rPh>
    <phoneticPr fontId="2"/>
  </si>
  <si>
    <t>（１）-２　二次医療圏別</t>
    <rPh sb="6" eb="11">
      <t>ニジイリョウケン</t>
    </rPh>
    <rPh sb="11" eb="12">
      <t>ベツ</t>
    </rPh>
    <phoneticPr fontId="1"/>
  </si>
  <si>
    <t>（１）-２　二次医療圏別</t>
    <rPh sb="6" eb="8">
      <t>ニジ</t>
    </rPh>
    <rPh sb="8" eb="10">
      <t>イリョウ</t>
    </rPh>
    <rPh sb="10" eb="11">
      <t>ケン</t>
    </rPh>
    <rPh sb="11" eb="12">
      <t>ベツ</t>
    </rPh>
    <phoneticPr fontId="1"/>
  </si>
  <si>
    <t>（２）-２　二次医療圏別</t>
    <rPh sb="6" eb="8">
      <t>ニジ</t>
    </rPh>
    <rPh sb="8" eb="10">
      <t>イリョウ</t>
    </rPh>
    <rPh sb="10" eb="11">
      <t>ケン</t>
    </rPh>
    <rPh sb="11" eb="12">
      <t>ベツ</t>
    </rPh>
    <phoneticPr fontId="1"/>
  </si>
  <si>
    <t>（３）-２　二次医療圏別</t>
    <rPh sb="6" eb="8">
      <t>ニジ</t>
    </rPh>
    <rPh sb="8" eb="10">
      <t>イリョウ</t>
    </rPh>
    <rPh sb="10" eb="11">
      <t>ケン</t>
    </rPh>
    <rPh sb="11" eb="12">
      <t>ベツ</t>
    </rPh>
    <phoneticPr fontId="1"/>
  </si>
  <si>
    <t>（３）-３　いない理由のうち　その他の具体的内容</t>
    <rPh sb="9" eb="11">
      <t>リユウ</t>
    </rPh>
    <rPh sb="17" eb="18">
      <t>ホカ</t>
    </rPh>
    <rPh sb="19" eb="22">
      <t>グタイテキ</t>
    </rPh>
    <rPh sb="22" eb="24">
      <t>ナイヨウ</t>
    </rPh>
    <phoneticPr fontId="2"/>
  </si>
  <si>
    <t>（２）-２　（２）-１のうち　②③外部研修の実施内容</t>
    <rPh sb="17" eb="19">
      <t>ガイブ</t>
    </rPh>
    <rPh sb="19" eb="21">
      <t>ケンシュウ</t>
    </rPh>
    <rPh sb="22" eb="24">
      <t>ジッシ</t>
    </rPh>
    <rPh sb="24" eb="26">
      <t>ナイヨウ</t>
    </rPh>
    <phoneticPr fontId="1"/>
  </si>
  <si>
    <t>（１）-１　特定行為研修の修了者等　病床数別</t>
    <rPh sb="6" eb="8">
      <t>トクテイ</t>
    </rPh>
    <rPh sb="8" eb="10">
      <t>コウイ</t>
    </rPh>
    <rPh sb="10" eb="12">
      <t>ケンシュウ</t>
    </rPh>
    <rPh sb="13" eb="16">
      <t>シュウリョウシャ</t>
    </rPh>
    <rPh sb="16" eb="17">
      <t>トウ</t>
    </rPh>
    <rPh sb="18" eb="21">
      <t>ビョウショウスウ</t>
    </rPh>
    <rPh sb="21" eb="22">
      <t>ベツ</t>
    </rPh>
    <phoneticPr fontId="2"/>
  </si>
  <si>
    <t>（２）-１　受講経費補助の使用予定
病床数別</t>
    <rPh sb="6" eb="8">
      <t>ジュコウ</t>
    </rPh>
    <rPh sb="8" eb="10">
      <t>ケイヒ</t>
    </rPh>
    <rPh sb="10" eb="12">
      <t>ホジョ</t>
    </rPh>
    <rPh sb="13" eb="15">
      <t>シヨウ</t>
    </rPh>
    <rPh sb="15" eb="17">
      <t>ヨテイ</t>
    </rPh>
    <rPh sb="18" eb="21">
      <t>ビョウショウスウ</t>
    </rPh>
    <rPh sb="21" eb="22">
      <t>ベツ</t>
    </rPh>
    <phoneticPr fontId="2"/>
  </si>
  <si>
    <t>（３）-１　修了者・受講中等の方がいない理由
病床数別</t>
    <rPh sb="6" eb="9">
      <t>シュウリョウシャ</t>
    </rPh>
    <rPh sb="10" eb="13">
      <t>ジュコウチュウ</t>
    </rPh>
    <rPh sb="13" eb="14">
      <t>トウ</t>
    </rPh>
    <rPh sb="15" eb="16">
      <t>カタ</t>
    </rPh>
    <rPh sb="20" eb="22">
      <t>リユウ</t>
    </rPh>
    <rPh sb="23" eb="26">
      <t>ビョウショウスウ</t>
    </rPh>
    <rPh sb="26" eb="27">
      <t>ベツ</t>
    </rPh>
    <phoneticPr fontId="2"/>
  </si>
  <si>
    <t>（４）　研修修了者の特定行為区分別人数</t>
    <rPh sb="4" eb="6">
      <t>ケンシュウ</t>
    </rPh>
    <rPh sb="6" eb="9">
      <t>シュウリョウシャ</t>
    </rPh>
    <rPh sb="10" eb="12">
      <t>トクテイ</t>
    </rPh>
    <rPh sb="12" eb="14">
      <t>コウイ</t>
    </rPh>
    <rPh sb="14" eb="16">
      <t>クブン</t>
    </rPh>
    <rPh sb="16" eb="17">
      <t>ベツ</t>
    </rPh>
    <rPh sb="17" eb="19">
      <t>ニンズウ</t>
    </rPh>
    <phoneticPr fontId="2"/>
  </si>
  <si>
    <t>（１）-１　採用状況　病床数別</t>
    <rPh sb="6" eb="8">
      <t>サイヨウ</t>
    </rPh>
    <rPh sb="8" eb="10">
      <t>ジョウキョウ</t>
    </rPh>
    <rPh sb="11" eb="14">
      <t>ビョウショウスウ</t>
    </rPh>
    <rPh sb="14" eb="15">
      <t>ベツ</t>
    </rPh>
    <phoneticPr fontId="2"/>
  </si>
  <si>
    <t>（２）-１　研修実施状況</t>
    <rPh sb="6" eb="8">
      <t>ケンシュウ</t>
    </rPh>
    <rPh sb="8" eb="10">
      <t>ジッシ</t>
    </rPh>
    <rPh sb="10" eb="12">
      <t>ジョウキョウ</t>
    </rPh>
    <phoneticPr fontId="2"/>
  </si>
  <si>
    <t>（３）-１　前年と比較した実施状況</t>
    <rPh sb="6" eb="8">
      <t>ゼンネン</t>
    </rPh>
    <rPh sb="9" eb="11">
      <t>ヒカク</t>
    </rPh>
    <rPh sb="13" eb="15">
      <t>ジッシ</t>
    </rPh>
    <rPh sb="15" eb="17">
      <t>ジョウキョウ</t>
    </rPh>
    <phoneticPr fontId="1"/>
  </si>
  <si>
    <t>（３）-２　（３）-１のうち　その他・コメント</t>
    <rPh sb="17" eb="18">
      <t>ホカ</t>
    </rPh>
    <phoneticPr fontId="1"/>
  </si>
  <si>
    <t>（２）-１　病床数別 退職後の進路（人数）</t>
    <rPh sb="6" eb="9">
      <t>ビョウショウスウ</t>
    </rPh>
    <rPh sb="9" eb="10">
      <t>ベツ</t>
    </rPh>
    <rPh sb="11" eb="14">
      <t>タイショクゴ</t>
    </rPh>
    <rPh sb="15" eb="17">
      <t>シンロ</t>
    </rPh>
    <rPh sb="18" eb="20">
      <t>ニンズウ</t>
    </rPh>
    <phoneticPr fontId="2"/>
  </si>
  <si>
    <t>離職率　</t>
    <phoneticPr fontId="1"/>
  </si>
  <si>
    <t>離職率</t>
    <phoneticPr fontId="1"/>
  </si>
  <si>
    <t>1　担当者確保が困難</t>
    <rPh sb="2" eb="5">
      <t>タントウシャ</t>
    </rPh>
    <rPh sb="5" eb="7">
      <t>カクホ</t>
    </rPh>
    <rPh sb="8" eb="10">
      <t>コンナン</t>
    </rPh>
    <phoneticPr fontId="1"/>
  </si>
  <si>
    <t>病床数</t>
    <rPh sb="0" eb="2">
      <t>ビョウショウ</t>
    </rPh>
    <rPh sb="2" eb="3">
      <t>スウ</t>
    </rPh>
    <phoneticPr fontId="1"/>
  </si>
  <si>
    <t>不足合計人数</t>
    <rPh sb="0" eb="2">
      <t>フソク</t>
    </rPh>
    <rPh sb="2" eb="4">
      <t>ゴウケイ</t>
    </rPh>
    <rPh sb="4" eb="6">
      <t>ニンズウ</t>
    </rPh>
    <phoneticPr fontId="1"/>
  </si>
  <si>
    <t>回答施設数</t>
    <rPh sb="0" eb="2">
      <t>カイトウ</t>
    </rPh>
    <rPh sb="2" eb="4">
      <t>シセツ</t>
    </rPh>
    <rPh sb="4" eb="5">
      <t>スウ</t>
    </rPh>
    <phoneticPr fontId="2"/>
  </si>
  <si>
    <t>回答施設数*</t>
    <rPh sb="0" eb="2">
      <t>カイトウ</t>
    </rPh>
    <rPh sb="2" eb="4">
      <t>シセツ</t>
    </rPh>
    <rPh sb="4" eb="5">
      <t>スウ</t>
    </rPh>
    <phoneticPr fontId="2"/>
  </si>
  <si>
    <t>*全回答施設数から必要0採用0の施設を除いた件数</t>
    <rPh sb="1" eb="2">
      <t>ゼン</t>
    </rPh>
    <rPh sb="2" eb="4">
      <t>カイトウ</t>
    </rPh>
    <rPh sb="4" eb="6">
      <t>シセツ</t>
    </rPh>
    <rPh sb="6" eb="7">
      <t>スウ</t>
    </rPh>
    <rPh sb="9" eb="11">
      <t>ヒツヨウ</t>
    </rPh>
    <rPh sb="12" eb="14">
      <t>サイヨウ</t>
    </rPh>
    <rPh sb="16" eb="18">
      <t>シセツ</t>
    </rPh>
    <rPh sb="19" eb="20">
      <t>ノゾ</t>
    </rPh>
    <rPh sb="22" eb="24">
      <t>ケンスウ</t>
    </rPh>
    <phoneticPr fontId="1"/>
  </si>
  <si>
    <t>修了者・受講予定者のいる施設</t>
    <rPh sb="0" eb="3">
      <t>シュウリョウシャ</t>
    </rPh>
    <rPh sb="4" eb="6">
      <t>ジュコウ</t>
    </rPh>
    <rPh sb="6" eb="8">
      <t>ヨテイ</t>
    </rPh>
    <rPh sb="8" eb="9">
      <t>シャ</t>
    </rPh>
    <rPh sb="12" eb="14">
      <t>シセツ</t>
    </rPh>
    <phoneticPr fontId="1"/>
  </si>
  <si>
    <t>あると回答した施設数</t>
    <rPh sb="3" eb="5">
      <t>カイトウ</t>
    </rPh>
    <rPh sb="7" eb="9">
      <t>シセツ</t>
    </rPh>
    <rPh sb="9" eb="10">
      <t>スウ</t>
    </rPh>
    <phoneticPr fontId="1"/>
  </si>
  <si>
    <t>回答施設数</t>
    <rPh sb="0" eb="2">
      <t>カイトウ</t>
    </rPh>
    <rPh sb="2" eb="4">
      <t>シセツ</t>
    </rPh>
    <rPh sb="4" eb="5">
      <t>スウ</t>
    </rPh>
    <phoneticPr fontId="1"/>
  </si>
  <si>
    <t>いると回答した施設の
割合</t>
    <rPh sb="3" eb="5">
      <t>カイトウ</t>
    </rPh>
    <rPh sb="7" eb="9">
      <t>シセツ</t>
    </rPh>
    <rPh sb="11" eb="13">
      <t>ワリアイ</t>
    </rPh>
    <phoneticPr fontId="1"/>
  </si>
  <si>
    <r>
      <t>配置できていない施設　</t>
    </r>
    <r>
      <rPr>
        <sz val="9"/>
        <rFont val="ＭＳ Ｐ明朝"/>
        <family val="1"/>
        <charset val="128"/>
      </rPr>
      <t>*1</t>
    </r>
    <rPh sb="0" eb="2">
      <t>ハイチ</t>
    </rPh>
    <rPh sb="8" eb="10">
      <t>シセツ</t>
    </rPh>
    <phoneticPr fontId="1"/>
  </si>
  <si>
    <r>
      <t>1施設当たり平均不足人数　</t>
    </r>
    <r>
      <rPr>
        <sz val="9"/>
        <rFont val="ＭＳ Ｐ明朝"/>
        <family val="1"/>
        <charset val="128"/>
      </rPr>
      <t>*2</t>
    </r>
    <rPh sb="1" eb="3">
      <t>シセツ</t>
    </rPh>
    <rPh sb="3" eb="4">
      <t>ア</t>
    </rPh>
    <phoneticPr fontId="1"/>
  </si>
  <si>
    <t>*1　いずれかの部署で【配置できていない】の回答があった施設</t>
    <rPh sb="8" eb="10">
      <t>ブショ</t>
    </rPh>
    <rPh sb="12" eb="14">
      <t>ハイチ</t>
    </rPh>
    <rPh sb="22" eb="24">
      <t>カイトウ</t>
    </rPh>
    <rPh sb="28" eb="30">
      <t>シセツ</t>
    </rPh>
    <phoneticPr fontId="1"/>
  </si>
  <si>
    <t>*2　不足合計人数/配置できていない施設</t>
    <rPh sb="3" eb="5">
      <t>フソク</t>
    </rPh>
    <rPh sb="5" eb="7">
      <t>ゴウケイ</t>
    </rPh>
    <rPh sb="7" eb="9">
      <t>ニンズウ</t>
    </rPh>
    <rPh sb="10" eb="12">
      <t>ハイチ</t>
    </rPh>
    <rPh sb="18" eb="20">
      <t>シセツ</t>
    </rPh>
    <phoneticPr fontId="1"/>
  </si>
  <si>
    <t>R5.3.31職員数</t>
    <rPh sb="7" eb="10">
      <t>ショクインスウ</t>
    </rPh>
    <phoneticPr fontId="1"/>
  </si>
  <si>
    <t>R4.4.1～R5.3.31の退職者数</t>
    <rPh sb="15" eb="17">
      <t>タイショク</t>
    </rPh>
    <rPh sb="17" eb="18">
      <t>シャ</t>
    </rPh>
    <rPh sb="18" eb="19">
      <t>スウ</t>
    </rPh>
    <phoneticPr fontId="1"/>
  </si>
  <si>
    <t>R4.4.1職員数　</t>
    <rPh sb="6" eb="8">
      <t>ショクイン</t>
    </rPh>
    <rPh sb="8" eb="9">
      <t>スウ</t>
    </rPh>
    <phoneticPr fontId="1"/>
  </si>
  <si>
    <t>※R5.3.31時点</t>
    <rPh sb="8" eb="10">
      <t>ジテン</t>
    </rPh>
    <phoneticPr fontId="1"/>
  </si>
  <si>
    <t>R4年度中退職者数</t>
    <rPh sb="4" eb="5">
      <t>ナカ</t>
    </rPh>
    <phoneticPr fontId="2"/>
  </si>
  <si>
    <t>R4.4.1付け採用者数</t>
    <rPh sb="6" eb="7">
      <t>ヅ</t>
    </rPh>
    <rPh sb="8" eb="10">
      <t>サイヨウ</t>
    </rPh>
    <rPh sb="10" eb="11">
      <t>シャ</t>
    </rPh>
    <rPh sb="11" eb="12">
      <t>スウ</t>
    </rPh>
    <phoneticPr fontId="1"/>
  </si>
  <si>
    <t>R4.4.2～R5.3.31までの採用者数</t>
    <rPh sb="17" eb="19">
      <t>サイヨウ</t>
    </rPh>
    <rPh sb="19" eb="20">
      <t>シャ</t>
    </rPh>
    <rPh sb="20" eb="21">
      <t>スウ</t>
    </rPh>
    <phoneticPr fontId="1"/>
  </si>
  <si>
    <t>合計（R4.4.1～R5.3.31）</t>
    <rPh sb="0" eb="2">
      <t>ゴウケイ</t>
    </rPh>
    <phoneticPr fontId="1"/>
  </si>
  <si>
    <t>新人離職率（％）＝R4年度中退職者数/R4年度採用数＊100</t>
    <rPh sb="0" eb="2">
      <t>シンジン</t>
    </rPh>
    <rPh sb="11" eb="13">
      <t>ネンド</t>
    </rPh>
    <rPh sb="13" eb="14">
      <t>チュウ</t>
    </rPh>
    <rPh sb="14" eb="16">
      <t>タイショク</t>
    </rPh>
    <rPh sb="16" eb="17">
      <t>シャ</t>
    </rPh>
    <rPh sb="17" eb="18">
      <t>スウ</t>
    </rPh>
    <rPh sb="21" eb="23">
      <t>ネンド</t>
    </rPh>
    <rPh sb="23" eb="26">
      <t>サイヨウスウ</t>
    </rPh>
    <phoneticPr fontId="1"/>
  </si>
  <si>
    <t>2年目以降離職率（％）＝R4年度中退職者数/R4.4.1在籍数＊100</t>
    <rPh sb="1" eb="5">
      <t>ネンメイコウ</t>
    </rPh>
    <rPh sb="14" eb="16">
      <t>ネンド</t>
    </rPh>
    <rPh sb="16" eb="17">
      <t>チュウ</t>
    </rPh>
    <rPh sb="17" eb="19">
      <t>タイショク</t>
    </rPh>
    <rPh sb="19" eb="20">
      <t>シャ</t>
    </rPh>
    <rPh sb="20" eb="21">
      <t>スウ</t>
    </rPh>
    <rPh sb="28" eb="30">
      <t>ザイセキ</t>
    </rPh>
    <rPh sb="30" eb="31">
      <t>スウ</t>
    </rPh>
    <phoneticPr fontId="1"/>
  </si>
  <si>
    <t>R4年度採用者数</t>
    <rPh sb="2" eb="4">
      <t>ネンド</t>
    </rPh>
    <rPh sb="4" eb="6">
      <t>サイヨウ</t>
    </rPh>
    <rPh sb="6" eb="7">
      <t>シャ</t>
    </rPh>
    <rPh sb="7" eb="8">
      <t>スウ</t>
    </rPh>
    <phoneticPr fontId="2"/>
  </si>
  <si>
    <t>R4.4.1在籍数</t>
  </si>
  <si>
    <t>R5年度確保率</t>
    <rPh sb="2" eb="4">
      <t>ネンド</t>
    </rPh>
    <rPh sb="4" eb="6">
      <t>カクホ</t>
    </rPh>
    <rPh sb="6" eb="7">
      <t>リツ</t>
    </rPh>
    <phoneticPr fontId="1"/>
  </si>
  <si>
    <t>７．令和５年度　採用状況</t>
    <rPh sb="5" eb="7">
      <t>ネンド</t>
    </rPh>
    <rPh sb="8" eb="10">
      <t>サイヨウ</t>
    </rPh>
    <rPh sb="10" eb="12">
      <t>ジョウキョウ</t>
    </rPh>
    <phoneticPr fontId="2"/>
  </si>
  <si>
    <t>R5以降受講予定</t>
    <rPh sb="2" eb="4">
      <t>イコウ</t>
    </rPh>
    <rPh sb="4" eb="6">
      <t>ジュコウ</t>
    </rPh>
    <rPh sb="6" eb="8">
      <t>ヨテイ</t>
    </rPh>
    <phoneticPr fontId="1"/>
  </si>
  <si>
    <t>R4受講</t>
    <rPh sb="2" eb="4">
      <t>ジュコウ</t>
    </rPh>
    <phoneticPr fontId="1"/>
  </si>
  <si>
    <t>R4年度採用数</t>
    <rPh sb="2" eb="4">
      <t>ネンド</t>
    </rPh>
    <rPh sb="4" eb="6">
      <t>サイヨウ</t>
    </rPh>
    <rPh sb="6" eb="7">
      <t>スウ</t>
    </rPh>
    <phoneticPr fontId="2"/>
  </si>
  <si>
    <t>離職率（％）＝R4年度中退職者数/採用数＊100</t>
    <rPh sb="9" eb="12">
      <t>ネンドチュウ</t>
    </rPh>
    <rPh sb="12" eb="14">
      <t>タイショク</t>
    </rPh>
    <rPh sb="14" eb="15">
      <t>シャ</t>
    </rPh>
    <rPh sb="15" eb="16">
      <t>スウ</t>
    </rPh>
    <rPh sb="17" eb="20">
      <t>サイヨウスウ</t>
    </rPh>
    <phoneticPr fontId="1"/>
  </si>
  <si>
    <t>(R4.4.1職員数＋R5.3.31職員数)/2</t>
    <rPh sb="7" eb="10">
      <t>ショクインスウ</t>
    </rPh>
    <rPh sb="18" eb="21">
      <t>ショクインスウ</t>
    </rPh>
    <phoneticPr fontId="1"/>
  </si>
  <si>
    <t>（２）-２　　（２）-１のうち「県内に就職が決まっている」(n=930)の内訳</t>
    <rPh sb="16" eb="18">
      <t>ケンナイ</t>
    </rPh>
    <rPh sb="19" eb="21">
      <t>シュウショク</t>
    </rPh>
    <rPh sb="22" eb="23">
      <t>キ</t>
    </rPh>
    <rPh sb="37" eb="39">
      <t>ウチワケ</t>
    </rPh>
    <phoneticPr fontId="1"/>
  </si>
  <si>
    <t>※複数回答可、総回答数182</t>
    <rPh sb="1" eb="3">
      <t>フクスウ</t>
    </rPh>
    <rPh sb="3" eb="5">
      <t>カイトウ</t>
    </rPh>
    <rPh sb="5" eb="6">
      <t>カ</t>
    </rPh>
    <rPh sb="7" eb="8">
      <t>ソウ</t>
    </rPh>
    <rPh sb="8" eb="10">
      <t>カイトウ</t>
    </rPh>
    <rPh sb="10" eb="11">
      <t>スウ</t>
    </rPh>
    <phoneticPr fontId="1"/>
  </si>
  <si>
    <t>2　効果的な研修実施が困難</t>
    <rPh sb="2" eb="5">
      <t>コウカテキ</t>
    </rPh>
    <rPh sb="6" eb="8">
      <t>ケンシュウ</t>
    </rPh>
    <rPh sb="8" eb="10">
      <t>ジッシ</t>
    </rPh>
    <rPh sb="11" eb="13">
      <t>コンナン</t>
    </rPh>
    <phoneticPr fontId="1"/>
  </si>
  <si>
    <t>1　その他・未回答</t>
    <rPh sb="4" eb="5">
      <t>タ</t>
    </rPh>
    <rPh sb="6" eb="9">
      <t>ミカイトウ</t>
    </rPh>
    <phoneticPr fontId="1"/>
  </si>
  <si>
    <t>2　その他・未回答</t>
    <rPh sb="4" eb="5">
      <t>ホカ</t>
    </rPh>
    <rPh sb="6" eb="9">
      <t>ミカイトウ</t>
    </rPh>
    <phoneticPr fontId="1"/>
  </si>
  <si>
    <t>1　時間確保が困難</t>
    <rPh sb="2" eb="4">
      <t>ジカン</t>
    </rPh>
    <rPh sb="4" eb="6">
      <t>カクホ</t>
    </rPh>
    <rPh sb="7" eb="9">
      <t>コンナン</t>
    </rPh>
    <phoneticPr fontId="1"/>
  </si>
  <si>
    <t>４　効果的な研修実施が困難</t>
    <rPh sb="2" eb="5">
      <t>コウカテキ</t>
    </rPh>
    <rPh sb="6" eb="10">
      <t>ケンシュウジッシ</t>
    </rPh>
    <rPh sb="11" eb="13">
      <t>コンナン</t>
    </rPh>
    <phoneticPr fontId="1"/>
  </si>
  <si>
    <t>１　時間確保が困難</t>
    <rPh sb="2" eb="4">
      <t>ジカン</t>
    </rPh>
    <rPh sb="4" eb="6">
      <t>カクホ</t>
    </rPh>
    <rPh sb="7" eb="9">
      <t>コンナン</t>
    </rPh>
    <phoneticPr fontId="1"/>
  </si>
  <si>
    <t>２　その他・未回答</t>
    <rPh sb="4" eb="5">
      <t>ホカ</t>
    </rPh>
    <rPh sb="6" eb="9">
      <t>ミカイトウ</t>
    </rPh>
    <phoneticPr fontId="1"/>
  </si>
  <si>
    <t>２　時間確保が困難</t>
    <rPh sb="2" eb="4">
      <t>ジカン</t>
    </rPh>
    <rPh sb="4" eb="6">
      <t>カクホ</t>
    </rPh>
    <rPh sb="7" eb="9">
      <t>コンナン</t>
    </rPh>
    <phoneticPr fontId="1"/>
  </si>
  <si>
    <t>１　担当者確保が困難</t>
    <rPh sb="2" eb="5">
      <t>タントウシャ</t>
    </rPh>
    <rPh sb="5" eb="7">
      <t>カクホ</t>
    </rPh>
    <rPh sb="8" eb="10">
      <t>コンナン</t>
    </rPh>
    <phoneticPr fontId="1"/>
  </si>
  <si>
    <t>２　その他</t>
    <rPh sb="4" eb="5">
      <t>ホカ</t>
    </rPh>
    <phoneticPr fontId="1"/>
  </si>
  <si>
    <t>フィジカルアセスメント</t>
    <phoneticPr fontId="2"/>
  </si>
  <si>
    <t>がんばれ新人ナース、他県看護協会研修</t>
    <rPh sb="4" eb="6">
      <t>シンジン</t>
    </rPh>
    <rPh sb="10" eb="11">
      <t>ホカ</t>
    </rPh>
    <rPh sb="11" eb="12">
      <t>ケン</t>
    </rPh>
    <rPh sb="12" eb="14">
      <t>カンゴ</t>
    </rPh>
    <rPh sb="14" eb="16">
      <t>キョウカイ</t>
    </rPh>
    <rPh sb="16" eb="18">
      <t>ケンシュウ</t>
    </rPh>
    <phoneticPr fontId="2"/>
  </si>
  <si>
    <t>部署で計画したため</t>
    <rPh sb="0" eb="2">
      <t>ブショ</t>
    </rPh>
    <rPh sb="3" eb="5">
      <t>ケイカク</t>
    </rPh>
    <phoneticPr fontId="1"/>
  </si>
  <si>
    <t>（２）-３　（２）-１のうち　ガイドラインに沿った研修を　④実施していない理由</t>
    <rPh sb="22" eb="23">
      <t>ソ</t>
    </rPh>
    <rPh sb="25" eb="27">
      <t>ケンシュウ</t>
    </rPh>
    <rPh sb="30" eb="32">
      <t>ジッシ</t>
    </rPh>
    <rPh sb="37" eb="39">
      <t>リユウ</t>
    </rPh>
    <phoneticPr fontId="1"/>
  </si>
  <si>
    <t>新型コロナ感染症によるクラスター等対応に追われたため</t>
    <phoneticPr fontId="1"/>
  </si>
  <si>
    <t>コロナ前と同様にすべて集合教育とした</t>
  </si>
  <si>
    <t>対面式の集合研修＋オンライン研修に戻した</t>
  </si>
  <si>
    <t>従来どおりの集合研修とOJT</t>
  </si>
  <si>
    <t>集合研修（対面方式）の時間延長</t>
  </si>
  <si>
    <t>時間数（日数）・内容の拡大</t>
  </si>
  <si>
    <t>新規内容を追加（酸素投与、輸液管理、身体抑制）</t>
  </si>
  <si>
    <t>集合研修から、一部動画視聴研修へ移行</t>
  </si>
  <si>
    <t>研修追加・クリニカルラダーに沿った研修の実施</t>
  </si>
  <si>
    <t>e-ラーニングの活用</t>
  </si>
  <si>
    <t>一部オンライン実施</t>
  </si>
  <si>
    <t>R3までに受講修了</t>
    <rPh sb="5" eb="7">
      <t>ジュコウ</t>
    </rPh>
    <rPh sb="7" eb="9">
      <t>シュウリョウ</t>
    </rPh>
    <phoneticPr fontId="1"/>
  </si>
  <si>
    <t>部署別不足人数（人）</t>
    <rPh sb="0" eb="2">
      <t>ブショ</t>
    </rPh>
    <rPh sb="2" eb="3">
      <t>ベツ</t>
    </rPh>
    <rPh sb="3" eb="5">
      <t>フソク</t>
    </rPh>
    <rPh sb="5" eb="7">
      <t>ニンズウ</t>
    </rPh>
    <rPh sb="8" eb="9">
      <t>ニン</t>
    </rPh>
    <phoneticPr fontId="1"/>
  </si>
  <si>
    <t>希望者がいない</t>
  </si>
  <si>
    <t>体制の問題（医師との連携、予算、準備不足等）</t>
  </si>
  <si>
    <t>対象者がいない、育成できていない</t>
  </si>
  <si>
    <t>人員不足、受講調整困難</t>
    <rPh sb="5" eb="7">
      <t>ジュコウ</t>
    </rPh>
    <phoneticPr fontId="1"/>
  </si>
  <si>
    <t>今後検討</t>
  </si>
  <si>
    <t>その他（未定、保留、モチベーション、他の資格を優先）</t>
  </si>
  <si>
    <t>必要がない</t>
  </si>
  <si>
    <t>-</t>
    <phoneticPr fontId="1"/>
  </si>
  <si>
    <t>その他　：　</t>
    <rPh sb="2" eb="3">
      <t>ホカ</t>
    </rPh>
    <phoneticPr fontId="2"/>
  </si>
  <si>
    <t>法人・グループによる研修、ビジネスマナー講習、感染対策、</t>
    <rPh sb="0" eb="2">
      <t>ホウジン</t>
    </rPh>
    <rPh sb="10" eb="12">
      <t>ケンシュウ</t>
    </rPh>
    <rPh sb="20" eb="22">
      <t>コウシュウ</t>
    </rPh>
    <rPh sb="23" eb="25">
      <t>カンセン</t>
    </rPh>
    <rPh sb="25" eb="27">
      <t>タイサク</t>
    </rPh>
    <phoneticPr fontId="1"/>
  </si>
  <si>
    <t>多重課題研修等</t>
    <rPh sb="0" eb="2">
      <t>タジュウ</t>
    </rPh>
    <rPh sb="2" eb="4">
      <t>カダイ</t>
    </rPh>
    <rPh sb="4" eb="6">
      <t>ケンシュウ</t>
    </rPh>
    <rPh sb="6" eb="7">
      <t>トウ</t>
    </rPh>
    <phoneticPr fontId="1"/>
  </si>
  <si>
    <t>n=</t>
    <phoneticPr fontId="1"/>
  </si>
  <si>
    <t>*(2)-1と(2)-2の回答人数が違う施設があるため合計が一致しない</t>
    <rPh sb="13" eb="15">
      <t>カイトウ</t>
    </rPh>
    <rPh sb="15" eb="17">
      <t>ニンズウ</t>
    </rPh>
    <rPh sb="18" eb="19">
      <t>チガ</t>
    </rPh>
    <rPh sb="20" eb="22">
      <t>シセツ</t>
    </rPh>
    <rPh sb="27" eb="29">
      <t>ゴウケイ</t>
    </rPh>
    <rPh sb="30" eb="32">
      <t>イッチ</t>
    </rPh>
    <phoneticPr fontId="1"/>
  </si>
  <si>
    <t>（４） ②看護技術</t>
    <rPh sb="5" eb="7">
      <t>カンゴ</t>
    </rPh>
    <rPh sb="7" eb="9">
      <t>ギジュツ</t>
    </rPh>
    <phoneticPr fontId="1"/>
  </si>
  <si>
    <t>（４） ③管理的側面</t>
    <rPh sb="5" eb="8">
      <t>カンリテキ</t>
    </rPh>
    <rPh sb="8" eb="10">
      <t>ソクメ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0.0%"/>
    <numFmt numFmtId="177" formatCode="#,##0.0;[Red]\-#,##0.0"/>
    <numFmt numFmtId="178" formatCode="#,##0_);[Red]\(#,##0\)"/>
    <numFmt numFmtId="179" formatCode="0_);[Red]\(0\)"/>
    <numFmt numFmtId="180" formatCode="#,##0.00_);[Red]\(#,##0.00\)"/>
  </numFmts>
  <fonts count="16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name val="ＭＳ Ｐゴシック"/>
      <family val="3"/>
      <charset val="128"/>
      <scheme val="minor"/>
    </font>
    <font>
      <b/>
      <sz val="12"/>
      <color theme="1"/>
      <name val="ＭＳ 明朝"/>
      <family val="2"/>
      <charset val="128"/>
    </font>
    <font>
      <sz val="9"/>
      <name val="ＭＳ Ｐゴシック"/>
      <family val="3"/>
      <charset val="128"/>
      <scheme val="minor"/>
    </font>
    <font>
      <b/>
      <sz val="12"/>
      <name val="ＭＳ Ｐ明朝"/>
      <family val="1"/>
      <charset val="128"/>
    </font>
    <font>
      <sz val="12"/>
      <name val="ＭＳ Ｐ明朝"/>
      <family val="1"/>
      <charset val="128"/>
    </font>
    <font>
      <sz val="10"/>
      <name val="ＭＳ Ｐ明朝"/>
      <family val="1"/>
      <charset val="128"/>
    </font>
    <font>
      <sz val="6"/>
      <name val="ＭＳ 明朝"/>
      <family val="1"/>
      <charset val="128"/>
    </font>
    <font>
      <b/>
      <sz val="14"/>
      <name val="ＭＳ Ｐ明朝"/>
      <family val="1"/>
      <charset val="128"/>
    </font>
    <font>
      <sz val="9"/>
      <name val="ＭＳ Ｐ明朝"/>
      <family val="1"/>
      <charset val="128"/>
    </font>
    <font>
      <sz val="8"/>
      <name val="ＭＳ Ｐ明朝"/>
      <family val="1"/>
      <charset val="128"/>
    </font>
    <font>
      <sz val="11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59996337778862885"/>
        <bgColor indexed="64"/>
      </patternFill>
    </fill>
  </fills>
  <borders count="125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theme="4"/>
      </left>
      <right style="thin">
        <color theme="4"/>
      </right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 style="medium">
        <color indexed="64"/>
      </right>
      <top/>
      <bottom style="thin">
        <color auto="1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/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/>
      <diagonal/>
    </border>
    <border>
      <left style="double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 diagonalUp="1"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double">
        <color indexed="64"/>
      </right>
      <top/>
      <bottom style="double">
        <color indexed="64"/>
      </bottom>
      <diagonal/>
    </border>
    <border>
      <left style="thin">
        <color indexed="64"/>
      </left>
      <right style="double">
        <color indexed="64"/>
      </right>
      <top/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 style="thin">
        <color auto="1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</borders>
  <cellStyleXfs count="10">
    <xf numFmtId="0" fontId="0" fillId="0" borderId="0">
      <alignment vertical="center"/>
    </xf>
    <xf numFmtId="0" fontId="3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9" fontId="4" fillId="0" borderId="0" applyFont="0" applyFill="0" applyBorder="0" applyAlignment="0" applyProtection="0">
      <alignment vertical="center"/>
    </xf>
    <xf numFmtId="0" fontId="6" fillId="2" borderId="37" applyAlignment="0">
      <alignment vertical="center"/>
    </xf>
    <xf numFmtId="0" fontId="6" fillId="0" borderId="37" applyAlignment="0">
      <alignment vertical="center"/>
    </xf>
    <xf numFmtId="0" fontId="4" fillId="0" borderId="0">
      <alignment vertical="center"/>
    </xf>
    <xf numFmtId="9" fontId="3" fillId="0" borderId="0" applyFont="0" applyFill="0" applyBorder="0" applyAlignment="0" applyProtection="0">
      <alignment vertical="center"/>
    </xf>
    <xf numFmtId="0" fontId="3" fillId="0" borderId="0">
      <alignment vertical="center"/>
    </xf>
    <xf numFmtId="0" fontId="3" fillId="0" borderId="0"/>
  </cellStyleXfs>
  <cellXfs count="620">
    <xf numFmtId="0" fontId="0" fillId="0" borderId="0" xfId="0">
      <alignment vertical="center"/>
    </xf>
    <xf numFmtId="0" fontId="9" fillId="0" borderId="0" xfId="0" applyFont="1" applyFill="1" applyBorder="1">
      <alignment vertical="center"/>
    </xf>
    <xf numFmtId="0" fontId="9" fillId="0" borderId="106" xfId="0" applyFont="1" applyFill="1" applyBorder="1" applyAlignment="1">
      <alignment horizontal="center" vertical="center" wrapText="1"/>
    </xf>
    <xf numFmtId="0" fontId="9" fillId="0" borderId="24" xfId="0" applyFont="1" applyFill="1" applyBorder="1" applyAlignment="1">
      <alignment horizontal="center" vertical="center"/>
    </xf>
    <xf numFmtId="38" fontId="9" fillId="0" borderId="33" xfId="2" applyFont="1" applyFill="1" applyBorder="1">
      <alignment vertical="center"/>
    </xf>
    <xf numFmtId="38" fontId="9" fillId="0" borderId="34" xfId="2" applyFont="1" applyFill="1" applyBorder="1">
      <alignment vertical="center"/>
    </xf>
    <xf numFmtId="38" fontId="9" fillId="0" borderId="35" xfId="2" applyFont="1" applyFill="1" applyBorder="1">
      <alignment vertical="center"/>
    </xf>
    <xf numFmtId="0" fontId="9" fillId="0" borderId="0" xfId="0" applyFont="1" applyFill="1">
      <alignment vertical="center"/>
    </xf>
    <xf numFmtId="0" fontId="9" fillId="0" borderId="10" xfId="0" applyFont="1" applyFill="1" applyBorder="1" applyAlignment="1">
      <alignment horizontal="center" vertical="center" wrapText="1"/>
    </xf>
    <xf numFmtId="176" fontId="9" fillId="0" borderId="74" xfId="3" applyNumberFormat="1" applyFont="1" applyFill="1" applyBorder="1">
      <alignment vertical="center"/>
    </xf>
    <xf numFmtId="0" fontId="9" fillId="0" borderId="12" xfId="0" applyFont="1" applyFill="1" applyBorder="1" applyAlignment="1">
      <alignment horizontal="center" vertical="center"/>
    </xf>
    <xf numFmtId="0" fontId="9" fillId="0" borderId="4" xfId="0" applyFont="1" applyFill="1" applyBorder="1" applyAlignment="1">
      <alignment horizontal="left" vertical="center"/>
    </xf>
    <xf numFmtId="0" fontId="9" fillId="0" borderId="45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horizontal="left" vertical="center"/>
    </xf>
    <xf numFmtId="0" fontId="9" fillId="0" borderId="80" xfId="0" applyFont="1" applyFill="1" applyBorder="1" applyAlignment="1">
      <alignment horizontal="left" vertical="center"/>
    </xf>
    <xf numFmtId="0" fontId="9" fillId="0" borderId="92" xfId="0" applyFont="1" applyFill="1" applyBorder="1" applyAlignment="1">
      <alignment horizontal="center" vertical="center" wrapText="1" shrinkToFit="1"/>
    </xf>
    <xf numFmtId="0" fontId="9" fillId="0" borderId="6" xfId="0" applyFont="1" applyFill="1" applyBorder="1" applyAlignment="1">
      <alignment horizontal="left" vertical="center"/>
    </xf>
    <xf numFmtId="0" fontId="9" fillId="0" borderId="46" xfId="0" applyFont="1" applyFill="1" applyBorder="1" applyAlignment="1">
      <alignment horizontal="left" vertical="center" wrapText="1" shrinkToFit="1"/>
    </xf>
    <xf numFmtId="0" fontId="9" fillId="0" borderId="19" xfId="0" applyFont="1" applyFill="1" applyBorder="1" applyAlignment="1">
      <alignment horizontal="center" vertical="center"/>
    </xf>
    <xf numFmtId="0" fontId="9" fillId="0" borderId="56" xfId="0" applyFont="1" applyFill="1" applyBorder="1" applyAlignment="1">
      <alignment horizontal="left" vertical="center"/>
    </xf>
    <xf numFmtId="0" fontId="9" fillId="0" borderId="77" xfId="0" applyFont="1" applyFill="1" applyBorder="1" applyAlignment="1">
      <alignment horizontal="left" vertical="center"/>
    </xf>
    <xf numFmtId="0" fontId="9" fillId="0" borderId="74" xfId="0" applyFont="1" applyFill="1" applyBorder="1" applyAlignment="1">
      <alignment vertical="center"/>
    </xf>
    <xf numFmtId="0" fontId="9" fillId="0" borderId="78" xfId="0" applyFont="1" applyFill="1" applyBorder="1" applyAlignment="1">
      <alignment vertical="center"/>
    </xf>
    <xf numFmtId="0" fontId="9" fillId="0" borderId="19" xfId="9" applyFont="1" applyFill="1" applyBorder="1" applyAlignment="1">
      <alignment horizontal="center" vertical="center" wrapText="1"/>
    </xf>
    <xf numFmtId="0" fontId="9" fillId="0" borderId="108" xfId="0" applyFont="1" applyFill="1" applyBorder="1" applyAlignment="1">
      <alignment horizontal="center" vertical="center" wrapText="1"/>
    </xf>
    <xf numFmtId="0" fontId="9" fillId="0" borderId="51" xfId="0" applyFont="1" applyFill="1" applyBorder="1" applyAlignment="1">
      <alignment horizontal="center" vertical="center"/>
    </xf>
    <xf numFmtId="176" fontId="9" fillId="0" borderId="7" xfId="3" applyNumberFormat="1" applyFont="1" applyFill="1" applyBorder="1" applyAlignment="1">
      <alignment horizontal="right" vertical="center"/>
    </xf>
    <xf numFmtId="176" fontId="9" fillId="0" borderId="7" xfId="3" applyNumberFormat="1" applyFont="1" applyFill="1" applyBorder="1" applyAlignment="1">
      <alignment horizontal="right" vertical="center" wrapText="1"/>
    </xf>
    <xf numFmtId="176" fontId="9" fillId="0" borderId="1" xfId="3" applyNumberFormat="1" applyFont="1" applyFill="1" applyBorder="1" applyAlignment="1">
      <alignment horizontal="right" vertical="center" wrapText="1"/>
    </xf>
    <xf numFmtId="176" fontId="9" fillId="0" borderId="4" xfId="3" applyNumberFormat="1" applyFont="1" applyFill="1" applyBorder="1" applyAlignment="1">
      <alignment horizontal="right" vertical="center" wrapText="1"/>
    </xf>
    <xf numFmtId="176" fontId="9" fillId="0" borderId="14" xfId="3" applyNumberFormat="1" applyFont="1" applyFill="1" applyBorder="1" applyAlignment="1">
      <alignment horizontal="right" vertical="center" wrapText="1"/>
    </xf>
    <xf numFmtId="0" fontId="9" fillId="0" borderId="116" xfId="9" applyFont="1" applyFill="1" applyBorder="1" applyAlignment="1">
      <alignment horizontal="center" vertical="center" wrapText="1"/>
    </xf>
    <xf numFmtId="0" fontId="9" fillId="0" borderId="20" xfId="9" applyFont="1" applyFill="1" applyBorder="1" applyAlignment="1">
      <alignment horizontal="center" vertical="center" wrapText="1"/>
    </xf>
    <xf numFmtId="0" fontId="9" fillId="0" borderId="75" xfId="0" applyFont="1" applyFill="1" applyBorder="1" applyAlignment="1">
      <alignment horizontal="right" vertical="center"/>
    </xf>
    <xf numFmtId="0" fontId="9" fillId="0" borderId="48" xfId="0" applyFont="1" applyFill="1" applyBorder="1" applyAlignment="1">
      <alignment vertical="center"/>
    </xf>
    <xf numFmtId="0" fontId="9" fillId="0" borderId="58" xfId="0" applyFont="1" applyFill="1" applyBorder="1" applyAlignment="1">
      <alignment vertical="center"/>
    </xf>
    <xf numFmtId="0" fontId="9" fillId="0" borderId="60" xfId="0" applyFont="1" applyFill="1" applyBorder="1" applyAlignment="1">
      <alignment vertical="center"/>
    </xf>
    <xf numFmtId="9" fontId="9" fillId="0" borderId="36" xfId="3" applyFont="1" applyFill="1" applyBorder="1">
      <alignment vertical="center"/>
    </xf>
    <xf numFmtId="38" fontId="9" fillId="0" borderId="62" xfId="2" applyFont="1" applyFill="1" applyBorder="1" applyAlignment="1">
      <alignment horizontal="right" vertical="center" wrapText="1"/>
    </xf>
    <xf numFmtId="0" fontId="9" fillId="0" borderId="32" xfId="0" applyNumberFormat="1" applyFont="1" applyFill="1" applyBorder="1" applyAlignment="1">
      <alignment horizontal="right" vertical="center"/>
    </xf>
    <xf numFmtId="0" fontId="9" fillId="0" borderId="0" xfId="3" applyNumberFormat="1" applyFont="1" applyFill="1" applyBorder="1" applyAlignment="1">
      <alignment horizontal="right" vertical="center"/>
    </xf>
    <xf numFmtId="0" fontId="9" fillId="0" borderId="0" xfId="3" applyNumberFormat="1" applyFont="1" applyFill="1" applyBorder="1" applyAlignment="1">
      <alignment horizontal="left" vertical="center"/>
    </xf>
    <xf numFmtId="0" fontId="9" fillId="0" borderId="102" xfId="0" applyFont="1" applyFill="1" applyBorder="1">
      <alignment vertical="center"/>
    </xf>
    <xf numFmtId="0" fontId="9" fillId="0" borderId="99" xfId="0" applyFont="1" applyFill="1" applyBorder="1">
      <alignment vertical="center"/>
    </xf>
    <xf numFmtId="0" fontId="9" fillId="0" borderId="71" xfId="0" applyFont="1" applyFill="1" applyBorder="1">
      <alignment vertical="center"/>
    </xf>
    <xf numFmtId="0" fontId="9" fillId="0" borderId="99" xfId="3" applyNumberFormat="1" applyFont="1" applyFill="1" applyBorder="1" applyAlignment="1">
      <alignment horizontal="left" vertical="center"/>
    </xf>
    <xf numFmtId="0" fontId="9" fillId="0" borderId="103" xfId="3" applyNumberFormat="1" applyFont="1" applyFill="1" applyBorder="1" applyAlignment="1">
      <alignment horizontal="left" vertical="center"/>
    </xf>
    <xf numFmtId="0" fontId="9" fillId="0" borderId="118" xfId="3" applyNumberFormat="1" applyFont="1" applyFill="1" applyBorder="1" applyAlignment="1">
      <alignment horizontal="left" vertical="center"/>
    </xf>
    <xf numFmtId="0" fontId="9" fillId="0" borderId="102" xfId="3" applyNumberFormat="1" applyFont="1" applyFill="1" applyBorder="1" applyAlignment="1">
      <alignment horizontal="left" vertical="center"/>
    </xf>
    <xf numFmtId="0" fontId="9" fillId="0" borderId="71" xfId="3" applyNumberFormat="1" applyFont="1" applyFill="1" applyBorder="1" applyAlignment="1">
      <alignment horizontal="left" vertical="center"/>
    </xf>
    <xf numFmtId="0" fontId="9" fillId="0" borderId="57" xfId="3" applyNumberFormat="1" applyFont="1" applyFill="1" applyBorder="1" applyAlignment="1">
      <alignment horizontal="left" vertical="center"/>
    </xf>
    <xf numFmtId="0" fontId="12" fillId="0" borderId="0" xfId="0" applyFont="1" applyFill="1">
      <alignment vertical="center"/>
    </xf>
    <xf numFmtId="0" fontId="8" fillId="0" borderId="0" xfId="0" applyFont="1" applyFill="1">
      <alignment vertical="center"/>
    </xf>
    <xf numFmtId="57" fontId="9" fillId="0" borderId="93" xfId="6" applyNumberFormat="1" applyFont="1" applyFill="1" applyBorder="1" applyAlignment="1">
      <alignment horizontal="center" vertical="center" wrapText="1"/>
    </xf>
    <xf numFmtId="57" fontId="9" fillId="0" borderId="110" xfId="6" applyNumberFormat="1" applyFont="1" applyFill="1" applyBorder="1" applyAlignment="1">
      <alignment horizontal="center" vertical="center" wrapText="1"/>
    </xf>
    <xf numFmtId="57" fontId="9" fillId="0" borderId="105" xfId="6" applyNumberFormat="1" applyFont="1" applyFill="1" applyBorder="1" applyAlignment="1">
      <alignment horizontal="center" vertical="center" wrapText="1"/>
    </xf>
    <xf numFmtId="57" fontId="9" fillId="0" borderId="108" xfId="6" applyNumberFormat="1" applyFont="1" applyFill="1" applyBorder="1" applyAlignment="1">
      <alignment horizontal="center" vertical="center" wrapText="1"/>
    </xf>
    <xf numFmtId="57" fontId="9" fillId="0" borderId="112" xfId="6" applyNumberFormat="1" applyFont="1" applyFill="1" applyBorder="1" applyAlignment="1">
      <alignment horizontal="center" vertical="center" wrapText="1"/>
    </xf>
    <xf numFmtId="38" fontId="9" fillId="0" borderId="42" xfId="2" applyFont="1" applyFill="1" applyBorder="1">
      <alignment vertical="center"/>
    </xf>
    <xf numFmtId="38" fontId="9" fillId="0" borderId="61" xfId="2" applyFont="1" applyFill="1" applyBorder="1">
      <alignment vertical="center"/>
    </xf>
    <xf numFmtId="38" fontId="9" fillId="0" borderId="62" xfId="2" applyFont="1" applyFill="1" applyBorder="1">
      <alignment vertical="center"/>
    </xf>
    <xf numFmtId="38" fontId="9" fillId="0" borderId="61" xfId="2" applyFont="1" applyFill="1" applyBorder="1" applyAlignment="1">
      <alignment horizontal="right" vertical="center"/>
    </xf>
    <xf numFmtId="38" fontId="9" fillId="0" borderId="62" xfId="2" applyFont="1" applyFill="1" applyBorder="1" applyAlignment="1">
      <alignment horizontal="right" vertical="center"/>
    </xf>
    <xf numFmtId="38" fontId="9" fillId="0" borderId="13" xfId="2" applyFont="1" applyFill="1" applyBorder="1">
      <alignment vertical="center"/>
    </xf>
    <xf numFmtId="38" fontId="9" fillId="0" borderId="63" xfId="2" applyFont="1" applyFill="1" applyBorder="1" applyAlignment="1">
      <alignment horizontal="right" vertical="center"/>
    </xf>
    <xf numFmtId="38" fontId="9" fillId="0" borderId="16" xfId="2" applyFont="1" applyFill="1" applyBorder="1">
      <alignment vertical="center"/>
    </xf>
    <xf numFmtId="38" fontId="9" fillId="0" borderId="64" xfId="2" applyFont="1" applyFill="1" applyBorder="1">
      <alignment vertical="center"/>
    </xf>
    <xf numFmtId="38" fontId="9" fillId="0" borderId="65" xfId="2" applyFont="1" applyFill="1" applyBorder="1">
      <alignment vertical="center"/>
    </xf>
    <xf numFmtId="38" fontId="9" fillId="0" borderId="65" xfId="2" applyFont="1" applyFill="1" applyBorder="1" applyAlignment="1">
      <alignment horizontal="right" vertical="center"/>
    </xf>
    <xf numFmtId="38" fontId="9" fillId="0" borderId="64" xfId="2" applyFont="1" applyFill="1" applyBorder="1" applyAlignment="1">
      <alignment horizontal="right" vertical="center"/>
    </xf>
    <xf numFmtId="38" fontId="9" fillId="0" borderId="19" xfId="2" applyFont="1" applyFill="1" applyBorder="1">
      <alignment vertical="center"/>
    </xf>
    <xf numFmtId="38" fontId="9" fillId="0" borderId="66" xfId="2" applyFont="1" applyFill="1" applyBorder="1">
      <alignment vertical="center"/>
    </xf>
    <xf numFmtId="38" fontId="9" fillId="0" borderId="67" xfId="2" applyFont="1" applyFill="1" applyBorder="1">
      <alignment vertical="center"/>
    </xf>
    <xf numFmtId="38" fontId="9" fillId="0" borderId="67" xfId="2" applyFont="1" applyFill="1" applyBorder="1" applyAlignment="1">
      <alignment horizontal="right" vertical="center"/>
    </xf>
    <xf numFmtId="38" fontId="9" fillId="0" borderId="66" xfId="2" applyFont="1" applyFill="1" applyBorder="1" applyAlignment="1">
      <alignment horizontal="right" vertical="center"/>
    </xf>
    <xf numFmtId="38" fontId="9" fillId="0" borderId="91" xfId="2" applyFont="1" applyFill="1" applyBorder="1">
      <alignment vertical="center"/>
    </xf>
    <xf numFmtId="38" fontId="9" fillId="0" borderId="22" xfId="2" applyFont="1" applyFill="1" applyBorder="1">
      <alignment vertical="center"/>
    </xf>
    <xf numFmtId="38" fontId="9" fillId="0" borderId="111" xfId="2" applyFont="1" applyFill="1" applyBorder="1">
      <alignment vertical="center"/>
    </xf>
    <xf numFmtId="38" fontId="9" fillId="0" borderId="100" xfId="2" applyFont="1" applyFill="1" applyBorder="1">
      <alignment vertical="center"/>
    </xf>
    <xf numFmtId="38" fontId="9" fillId="0" borderId="100" xfId="2" applyFont="1" applyFill="1" applyBorder="1" applyAlignment="1">
      <alignment horizontal="right" vertical="center"/>
    </xf>
    <xf numFmtId="0" fontId="9" fillId="0" borderId="0" xfId="6" applyFont="1" applyFill="1" applyBorder="1" applyAlignment="1">
      <alignment horizontal="center" vertical="center"/>
    </xf>
    <xf numFmtId="38" fontId="9" fillId="0" borderId="0" xfId="2" applyFont="1" applyFill="1" applyBorder="1">
      <alignment vertical="center"/>
    </xf>
    <xf numFmtId="38" fontId="9" fillId="0" borderId="0" xfId="2" applyFont="1" applyFill="1" applyBorder="1" applyAlignment="1">
      <alignment horizontal="right" vertical="center"/>
    </xf>
    <xf numFmtId="57" fontId="9" fillId="0" borderId="10" xfId="6" applyNumberFormat="1" applyFont="1" applyFill="1" applyBorder="1" applyAlignment="1">
      <alignment horizontal="center" vertical="center" wrapText="1"/>
    </xf>
    <xf numFmtId="57" fontId="9" fillId="0" borderId="59" xfId="6" applyNumberFormat="1" applyFont="1" applyFill="1" applyBorder="1" applyAlignment="1">
      <alignment horizontal="center" vertical="center" wrapText="1"/>
    </xf>
    <xf numFmtId="0" fontId="9" fillId="0" borderId="60" xfId="0" applyFont="1" applyFill="1" applyBorder="1" applyAlignment="1">
      <alignment horizontal="center" vertical="center"/>
    </xf>
    <xf numFmtId="38" fontId="9" fillId="0" borderId="63" xfId="2" applyFont="1" applyFill="1" applyBorder="1">
      <alignment vertical="center"/>
    </xf>
    <xf numFmtId="38" fontId="9" fillId="0" borderId="96" xfId="2" applyFont="1" applyFill="1" applyBorder="1">
      <alignment vertical="center"/>
    </xf>
    <xf numFmtId="38" fontId="9" fillId="0" borderId="89" xfId="2" applyFont="1" applyFill="1" applyBorder="1">
      <alignment vertical="center"/>
    </xf>
    <xf numFmtId="0" fontId="9" fillId="0" borderId="78" xfId="0" applyFont="1" applyFill="1" applyBorder="1" applyAlignment="1">
      <alignment horizontal="right" vertical="center"/>
    </xf>
    <xf numFmtId="0" fontId="9" fillId="0" borderId="0" xfId="0" applyFont="1" applyFill="1" applyAlignment="1">
      <alignment horizontal="center" vertical="center"/>
    </xf>
    <xf numFmtId="0" fontId="15" fillId="0" borderId="0" xfId="0" applyFont="1" applyFill="1" applyAlignment="1">
      <alignment horizontal="center" vertical="center"/>
    </xf>
    <xf numFmtId="0" fontId="9" fillId="0" borderId="23" xfId="0" applyFont="1" applyFill="1" applyBorder="1" applyAlignment="1">
      <alignment horizontal="right" vertical="center"/>
    </xf>
    <xf numFmtId="0" fontId="9" fillId="0" borderId="22" xfId="0" applyFont="1" applyFill="1" applyBorder="1" applyAlignment="1">
      <alignment horizontal="center" vertical="center"/>
    </xf>
    <xf numFmtId="0" fontId="9" fillId="0" borderId="103" xfId="0" applyFont="1" applyFill="1" applyBorder="1">
      <alignment vertical="center"/>
    </xf>
    <xf numFmtId="0" fontId="9" fillId="0" borderId="96" xfId="0" applyFont="1" applyFill="1" applyBorder="1">
      <alignment vertical="center"/>
    </xf>
    <xf numFmtId="0" fontId="9" fillId="0" borderId="57" xfId="0" applyFont="1" applyFill="1" applyBorder="1">
      <alignment vertical="center"/>
    </xf>
    <xf numFmtId="0" fontId="9" fillId="0" borderId="118" xfId="0" applyFont="1" applyFill="1" applyBorder="1">
      <alignment vertical="center"/>
    </xf>
    <xf numFmtId="0" fontId="9" fillId="0" borderId="100" xfId="0" applyFont="1" applyFill="1" applyBorder="1">
      <alignment vertical="center"/>
    </xf>
    <xf numFmtId="0" fontId="9" fillId="0" borderId="0" xfId="0" applyFont="1" applyFill="1" applyAlignment="1">
      <alignment horizontal="left" vertical="center"/>
    </xf>
    <xf numFmtId="0" fontId="9" fillId="0" borderId="11" xfId="0" applyFont="1" applyFill="1" applyBorder="1" applyAlignment="1">
      <alignment horizontal="center" vertical="center" wrapText="1"/>
    </xf>
    <xf numFmtId="0" fontId="9" fillId="0" borderId="50" xfId="0" applyFont="1" applyFill="1" applyBorder="1" applyAlignment="1">
      <alignment horizontal="center" vertical="center" wrapText="1"/>
    </xf>
    <xf numFmtId="0" fontId="10" fillId="0" borderId="11" xfId="0" applyFont="1" applyFill="1" applyBorder="1" applyAlignment="1">
      <alignment horizontal="center" vertical="center" wrapText="1"/>
    </xf>
    <xf numFmtId="0" fontId="9" fillId="0" borderId="32" xfId="0" applyFont="1" applyFill="1" applyBorder="1" applyAlignment="1">
      <alignment vertical="center"/>
    </xf>
    <xf numFmtId="0" fontId="9" fillId="0" borderId="42" xfId="0" applyFont="1" applyFill="1" applyBorder="1" applyAlignment="1">
      <alignment horizontal="center" vertical="center"/>
    </xf>
    <xf numFmtId="0" fontId="9" fillId="0" borderId="47" xfId="0" applyFont="1" applyFill="1" applyBorder="1" applyAlignment="1">
      <alignment vertical="center"/>
    </xf>
    <xf numFmtId="0" fontId="9" fillId="0" borderId="47" xfId="0" applyFont="1" applyFill="1" applyBorder="1" applyAlignment="1">
      <alignment horizontal="right" vertical="center"/>
    </xf>
    <xf numFmtId="0" fontId="9" fillId="0" borderId="38" xfId="0" applyFont="1" applyFill="1" applyBorder="1" applyAlignment="1">
      <alignment horizontal="right" vertical="center"/>
    </xf>
    <xf numFmtId="0" fontId="9" fillId="0" borderId="32" xfId="0" applyFont="1" applyFill="1" applyBorder="1" applyAlignment="1">
      <alignment horizontal="right" vertical="center"/>
    </xf>
    <xf numFmtId="176" fontId="9" fillId="0" borderId="97" xfId="3" applyNumberFormat="1" applyFont="1" applyFill="1" applyBorder="1" applyAlignment="1">
      <alignment horizontal="right" vertical="center"/>
    </xf>
    <xf numFmtId="176" fontId="9" fillId="0" borderId="117" xfId="3" applyNumberFormat="1" applyFont="1" applyFill="1" applyBorder="1" applyAlignment="1">
      <alignment horizontal="right" vertical="center"/>
    </xf>
    <xf numFmtId="176" fontId="9" fillId="0" borderId="83" xfId="3" applyNumberFormat="1" applyFont="1" applyFill="1" applyBorder="1" applyAlignment="1">
      <alignment horizontal="right" vertical="center"/>
    </xf>
    <xf numFmtId="176" fontId="9" fillId="0" borderId="23" xfId="3" applyNumberFormat="1" applyFont="1" applyFill="1" applyBorder="1" applyAlignment="1">
      <alignment horizontal="right" vertical="center"/>
    </xf>
    <xf numFmtId="176" fontId="9" fillId="0" borderId="0" xfId="3" applyNumberFormat="1" applyFont="1" applyFill="1" applyBorder="1" applyAlignment="1">
      <alignment horizontal="right" vertical="center"/>
    </xf>
    <xf numFmtId="176" fontId="9" fillId="0" borderId="0" xfId="3" applyNumberFormat="1" applyFont="1" applyFill="1" applyBorder="1" applyAlignment="1">
      <alignment horizontal="left" vertical="center"/>
    </xf>
    <xf numFmtId="176" fontId="9" fillId="0" borderId="99" xfId="3" applyNumberFormat="1" applyFont="1" applyFill="1" applyBorder="1" applyAlignment="1">
      <alignment horizontal="right" vertical="center"/>
    </xf>
    <xf numFmtId="176" fontId="9" fillId="0" borderId="103" xfId="3" applyNumberFormat="1" applyFont="1" applyFill="1" applyBorder="1" applyAlignment="1">
      <alignment horizontal="right" vertical="center"/>
    </xf>
    <xf numFmtId="176" fontId="9" fillId="0" borderId="96" xfId="3" applyNumberFormat="1" applyFont="1" applyFill="1" applyBorder="1" applyAlignment="1">
      <alignment horizontal="right" vertical="center"/>
    </xf>
    <xf numFmtId="0" fontId="9" fillId="0" borderId="0" xfId="0" applyFont="1" applyFill="1" applyBorder="1" applyAlignment="1">
      <alignment vertical="center"/>
    </xf>
    <xf numFmtId="0" fontId="9" fillId="0" borderId="10" xfId="0" applyNumberFormat="1" applyFont="1" applyFill="1" applyBorder="1" applyAlignment="1">
      <alignment horizontal="center" vertical="center" wrapText="1"/>
    </xf>
    <xf numFmtId="0" fontId="9" fillId="0" borderId="51" xfId="0" applyNumberFormat="1" applyFont="1" applyFill="1" applyBorder="1" applyAlignment="1">
      <alignment horizontal="center" vertical="center" wrapText="1"/>
    </xf>
    <xf numFmtId="0" fontId="9" fillId="0" borderId="50" xfId="0" applyNumberFormat="1" applyFont="1" applyFill="1" applyBorder="1" applyAlignment="1">
      <alignment horizontal="center" vertical="center" wrapText="1"/>
    </xf>
    <xf numFmtId="0" fontId="10" fillId="0" borderId="50" xfId="0" applyNumberFormat="1" applyFont="1" applyFill="1" applyBorder="1" applyAlignment="1">
      <alignment horizontal="center" vertical="center" wrapText="1"/>
    </xf>
    <xf numFmtId="0" fontId="9" fillId="0" borderId="11" xfId="0" applyNumberFormat="1" applyFont="1" applyFill="1" applyBorder="1" applyAlignment="1">
      <alignment horizontal="center" vertical="center" wrapText="1"/>
    </xf>
    <xf numFmtId="0" fontId="9" fillId="0" borderId="0" xfId="0" applyNumberFormat="1" applyFont="1" applyFill="1">
      <alignment vertical="center"/>
    </xf>
    <xf numFmtId="0" fontId="9" fillId="0" borderId="42" xfId="0" applyNumberFormat="1" applyFont="1" applyFill="1" applyBorder="1" applyAlignment="1">
      <alignment horizontal="center" vertical="center"/>
    </xf>
    <xf numFmtId="0" fontId="9" fillId="0" borderId="47" xfId="0" applyNumberFormat="1" applyFont="1" applyFill="1" applyBorder="1" applyAlignment="1">
      <alignment horizontal="right" vertical="center"/>
    </xf>
    <xf numFmtId="0" fontId="10" fillId="0" borderId="22" xfId="0" applyNumberFormat="1" applyFont="1" applyFill="1" applyBorder="1" applyAlignment="1">
      <alignment horizontal="center" vertical="center"/>
    </xf>
    <xf numFmtId="0" fontId="9" fillId="0" borderId="0" xfId="0" applyNumberFormat="1" applyFont="1" applyFill="1" applyBorder="1" applyAlignment="1">
      <alignment horizontal="center" vertical="center"/>
    </xf>
    <xf numFmtId="0" fontId="9" fillId="0" borderId="96" xfId="3" applyNumberFormat="1" applyFont="1" applyFill="1" applyBorder="1" applyAlignment="1">
      <alignment horizontal="left" vertical="center"/>
    </xf>
    <xf numFmtId="0" fontId="9" fillId="0" borderId="71" xfId="0" applyNumberFormat="1" applyFont="1" applyFill="1" applyBorder="1">
      <alignment vertical="center"/>
    </xf>
    <xf numFmtId="0" fontId="9" fillId="0" borderId="100" xfId="3" applyNumberFormat="1" applyFont="1" applyFill="1" applyBorder="1" applyAlignment="1">
      <alignment horizontal="left" vertical="center"/>
    </xf>
    <xf numFmtId="178" fontId="9" fillId="0" borderId="0" xfId="2" applyNumberFormat="1" applyFont="1" applyFill="1">
      <alignment vertical="center"/>
    </xf>
    <xf numFmtId="178" fontId="9" fillId="0" borderId="0" xfId="2" applyNumberFormat="1" applyFont="1" applyFill="1" applyAlignment="1">
      <alignment horizontal="center" vertical="center"/>
    </xf>
    <xf numFmtId="178" fontId="9" fillId="0" borderId="13" xfId="2" applyNumberFormat="1" applyFont="1" applyFill="1" applyBorder="1" applyAlignment="1">
      <alignment horizontal="center" vertical="center"/>
    </xf>
    <xf numFmtId="178" fontId="9" fillId="0" borderId="2" xfId="2" applyNumberFormat="1" applyFont="1" applyFill="1" applyBorder="1">
      <alignment vertical="center"/>
    </xf>
    <xf numFmtId="178" fontId="9" fillId="0" borderId="16" xfId="2" applyNumberFormat="1" applyFont="1" applyFill="1" applyBorder="1" applyAlignment="1">
      <alignment horizontal="center" vertical="center"/>
    </xf>
    <xf numFmtId="178" fontId="9" fillId="0" borderId="19" xfId="2" applyNumberFormat="1" applyFont="1" applyFill="1" applyBorder="1" applyAlignment="1">
      <alignment horizontal="center" vertical="center"/>
    </xf>
    <xf numFmtId="178" fontId="9" fillId="0" borderId="22" xfId="2" applyNumberFormat="1" applyFont="1" applyFill="1" applyBorder="1" applyAlignment="1">
      <alignment horizontal="center" vertical="center" wrapText="1"/>
    </xf>
    <xf numFmtId="178" fontId="9" fillId="0" borderId="31" xfId="2" applyNumberFormat="1" applyFont="1" applyFill="1" applyBorder="1" applyAlignment="1">
      <alignment horizontal="center" vertical="center"/>
    </xf>
    <xf numFmtId="178" fontId="9" fillId="0" borderId="56" xfId="2" applyNumberFormat="1" applyFont="1" applyFill="1" applyBorder="1" applyAlignment="1">
      <alignment horizontal="center" vertical="center"/>
    </xf>
    <xf numFmtId="0" fontId="9" fillId="0" borderId="48" xfId="0" applyFont="1" applyFill="1" applyBorder="1" applyAlignment="1">
      <alignment horizontal="center" vertical="center"/>
    </xf>
    <xf numFmtId="0" fontId="10" fillId="0" borderId="10" xfId="0" applyFont="1" applyFill="1" applyBorder="1" applyAlignment="1">
      <alignment horizontal="center" vertical="center" wrapText="1"/>
    </xf>
    <xf numFmtId="0" fontId="9" fillId="0" borderId="49" xfId="0" applyFont="1" applyFill="1" applyBorder="1" applyAlignment="1">
      <alignment horizontal="center" vertical="center"/>
    </xf>
    <xf numFmtId="0" fontId="10" fillId="0" borderId="50" xfId="0" applyFont="1" applyFill="1" applyBorder="1" applyAlignment="1">
      <alignment horizontal="center" vertical="center" wrapText="1"/>
    </xf>
    <xf numFmtId="0" fontId="10" fillId="0" borderId="51" xfId="0" applyFont="1" applyFill="1" applyBorder="1" applyAlignment="1">
      <alignment horizontal="center" vertical="center" wrapText="1"/>
    </xf>
    <xf numFmtId="0" fontId="9" fillId="0" borderId="51" xfId="0" applyFont="1" applyFill="1" applyBorder="1" applyAlignment="1">
      <alignment horizontal="center" vertical="center" wrapText="1"/>
    </xf>
    <xf numFmtId="0" fontId="9" fillId="0" borderId="85" xfId="0" applyFont="1" applyFill="1" applyBorder="1" applyAlignment="1">
      <alignment horizontal="center" vertical="center" wrapText="1"/>
    </xf>
    <xf numFmtId="38" fontId="9" fillId="0" borderId="86" xfId="2" applyFont="1" applyFill="1" applyBorder="1">
      <alignment vertical="center"/>
    </xf>
    <xf numFmtId="38" fontId="9" fillId="0" borderId="90" xfId="2" applyFont="1" applyFill="1" applyBorder="1">
      <alignment vertical="center"/>
    </xf>
    <xf numFmtId="0" fontId="9" fillId="0" borderId="33" xfId="0" applyFont="1" applyFill="1" applyBorder="1" applyAlignment="1">
      <alignment horizontal="center" vertical="center"/>
    </xf>
    <xf numFmtId="0" fontId="9" fillId="0" borderId="101" xfId="0" applyFont="1" applyFill="1" applyBorder="1">
      <alignment vertical="center"/>
    </xf>
    <xf numFmtId="176" fontId="9" fillId="0" borderId="33" xfId="3" applyNumberFormat="1" applyFont="1" applyFill="1" applyBorder="1">
      <alignment vertical="center"/>
    </xf>
    <xf numFmtId="176" fontId="9" fillId="0" borderId="78" xfId="3" applyNumberFormat="1" applyFont="1" applyFill="1" applyBorder="1">
      <alignment vertical="center"/>
    </xf>
    <xf numFmtId="176" fontId="9" fillId="0" borderId="35" xfId="3" applyNumberFormat="1" applyFont="1" applyFill="1" applyBorder="1">
      <alignment vertical="center"/>
    </xf>
    <xf numFmtId="9" fontId="9" fillId="0" borderId="89" xfId="3" applyFont="1" applyFill="1" applyBorder="1">
      <alignment vertical="center"/>
    </xf>
    <xf numFmtId="176" fontId="9" fillId="0" borderId="0" xfId="3" applyNumberFormat="1" applyFont="1" applyFill="1" applyBorder="1">
      <alignment vertical="center"/>
    </xf>
    <xf numFmtId="9" fontId="9" fillId="0" borderId="0" xfId="3" applyFont="1" applyFill="1" applyBorder="1">
      <alignment vertical="center"/>
    </xf>
    <xf numFmtId="0" fontId="9" fillId="0" borderId="49" xfId="0" applyFont="1" applyFill="1" applyBorder="1" applyAlignment="1">
      <alignment horizontal="center" vertical="center" wrapText="1"/>
    </xf>
    <xf numFmtId="0" fontId="13" fillId="0" borderId="50" xfId="0" applyFont="1" applyFill="1" applyBorder="1" applyAlignment="1">
      <alignment horizontal="center" vertical="center" wrapText="1"/>
    </xf>
    <xf numFmtId="0" fontId="9" fillId="0" borderId="85" xfId="0" applyFont="1" applyFill="1" applyBorder="1" applyAlignment="1">
      <alignment horizontal="center" vertical="center"/>
    </xf>
    <xf numFmtId="0" fontId="9" fillId="0" borderId="71" xfId="0" applyFont="1" applyFill="1" applyBorder="1" applyAlignment="1">
      <alignment vertical="center"/>
    </xf>
    <xf numFmtId="0" fontId="9" fillId="0" borderId="11" xfId="0" applyFont="1" applyFill="1" applyBorder="1" applyAlignment="1">
      <alignment horizontal="center" vertical="center"/>
    </xf>
    <xf numFmtId="38" fontId="9" fillId="0" borderId="86" xfId="0" applyNumberFormat="1" applyFont="1" applyFill="1" applyBorder="1">
      <alignment vertical="center"/>
    </xf>
    <xf numFmtId="176" fontId="9" fillId="0" borderId="14" xfId="3" applyNumberFormat="1" applyFont="1" applyFill="1" applyBorder="1">
      <alignment vertical="center"/>
    </xf>
    <xf numFmtId="38" fontId="9" fillId="0" borderId="87" xfId="0" applyNumberFormat="1" applyFont="1" applyFill="1" applyBorder="1">
      <alignment vertical="center"/>
    </xf>
    <xf numFmtId="38" fontId="9" fillId="0" borderId="0" xfId="0" applyNumberFormat="1" applyFont="1" applyFill="1" applyBorder="1">
      <alignment vertical="center"/>
    </xf>
    <xf numFmtId="38" fontId="9" fillId="0" borderId="88" xfId="2" applyFont="1" applyFill="1" applyBorder="1" applyAlignment="1">
      <alignment vertical="center"/>
    </xf>
    <xf numFmtId="38" fontId="9" fillId="0" borderId="0" xfId="2" applyFont="1" applyFill="1" applyBorder="1" applyAlignment="1">
      <alignment vertical="center"/>
    </xf>
    <xf numFmtId="38" fontId="9" fillId="0" borderId="0" xfId="0" applyNumberFormat="1" applyFont="1" applyFill="1">
      <alignment vertical="center"/>
    </xf>
    <xf numFmtId="176" fontId="9" fillId="0" borderId="70" xfId="3" applyNumberFormat="1" applyFont="1" applyFill="1" applyBorder="1">
      <alignment vertical="center"/>
    </xf>
    <xf numFmtId="176" fontId="9" fillId="0" borderId="89" xfId="3" applyNumberFormat="1" applyFont="1" applyFill="1" applyBorder="1">
      <alignment vertical="center"/>
    </xf>
    <xf numFmtId="176" fontId="9" fillId="0" borderId="8" xfId="3" applyNumberFormat="1" applyFont="1" applyFill="1" applyBorder="1" applyAlignment="1">
      <alignment horizontal="right" vertical="center"/>
    </xf>
    <xf numFmtId="176" fontId="9" fillId="0" borderId="2" xfId="3" applyNumberFormat="1" applyFont="1" applyFill="1" applyBorder="1" applyAlignment="1">
      <alignment horizontal="right" vertical="center"/>
    </xf>
    <xf numFmtId="176" fontId="9" fillId="0" borderId="3" xfId="3" applyNumberFormat="1" applyFont="1" applyFill="1" applyBorder="1" applyAlignment="1">
      <alignment horizontal="right" vertical="center"/>
    </xf>
    <xf numFmtId="176" fontId="9" fillId="0" borderId="17" xfId="3" applyNumberFormat="1" applyFont="1" applyFill="1" applyBorder="1" applyAlignment="1">
      <alignment horizontal="right" vertical="center"/>
    </xf>
    <xf numFmtId="176" fontId="9" fillId="0" borderId="2" xfId="3" applyNumberFormat="1" applyFont="1" applyFill="1" applyBorder="1" applyAlignment="1">
      <alignment horizontal="right" vertical="center" wrapText="1"/>
    </xf>
    <xf numFmtId="176" fontId="9" fillId="0" borderId="9" xfId="3" applyNumberFormat="1" applyFont="1" applyFill="1" applyBorder="1" applyAlignment="1">
      <alignment horizontal="right" vertical="center"/>
    </xf>
    <xf numFmtId="176" fontId="9" fillId="0" borderId="5" xfId="3" applyNumberFormat="1" applyFont="1" applyFill="1" applyBorder="1" applyAlignment="1">
      <alignment horizontal="right" vertical="center"/>
    </xf>
    <xf numFmtId="176" fontId="9" fillId="0" borderId="6" xfId="3" applyNumberFormat="1" applyFont="1" applyFill="1" applyBorder="1" applyAlignment="1">
      <alignment horizontal="right" vertical="center"/>
    </xf>
    <xf numFmtId="176" fontId="9" fillId="0" borderId="55" xfId="3" applyNumberFormat="1" applyFont="1" applyFill="1" applyBorder="1" applyAlignment="1">
      <alignment horizontal="right" vertical="center"/>
    </xf>
    <xf numFmtId="176" fontId="9" fillId="0" borderId="43" xfId="3" applyNumberFormat="1" applyFont="1" applyFill="1" applyBorder="1" applyAlignment="1">
      <alignment horizontal="right" vertical="center"/>
    </xf>
    <xf numFmtId="176" fontId="9" fillId="0" borderId="31" xfId="3" applyNumberFormat="1" applyFont="1" applyFill="1" applyBorder="1" applyAlignment="1">
      <alignment horizontal="right" vertical="center"/>
    </xf>
    <xf numFmtId="176" fontId="9" fillId="0" borderId="56" xfId="3" applyNumberFormat="1" applyFont="1" applyFill="1" applyBorder="1" applyAlignment="1">
      <alignment horizontal="right" vertical="center"/>
    </xf>
    <xf numFmtId="176" fontId="9" fillId="0" borderId="20" xfId="3" applyNumberFormat="1" applyFont="1" applyFill="1" applyBorder="1" applyAlignment="1">
      <alignment horizontal="right" vertical="center"/>
    </xf>
    <xf numFmtId="0" fontId="15" fillId="0" borderId="11" xfId="0" applyFont="1" applyFill="1" applyBorder="1" applyAlignment="1">
      <alignment horizontal="center" vertical="center"/>
    </xf>
    <xf numFmtId="0" fontId="9" fillId="0" borderId="52" xfId="6" applyFont="1" applyFill="1" applyBorder="1" applyAlignment="1">
      <alignment horizontal="center" vertical="center"/>
    </xf>
    <xf numFmtId="38" fontId="9" fillId="0" borderId="72" xfId="2" applyFont="1" applyFill="1" applyBorder="1" applyAlignment="1">
      <alignment horizontal="right" vertical="center"/>
    </xf>
    <xf numFmtId="38" fontId="9" fillId="0" borderId="73" xfId="2" applyNumberFormat="1" applyFont="1" applyFill="1" applyBorder="1" applyAlignment="1">
      <alignment vertical="center"/>
    </xf>
    <xf numFmtId="38" fontId="9" fillId="0" borderId="81" xfId="2" applyNumberFormat="1" applyFont="1" applyFill="1" applyBorder="1" applyAlignment="1">
      <alignment vertical="center"/>
    </xf>
    <xf numFmtId="38" fontId="9" fillId="0" borderId="73" xfId="2" applyFont="1" applyFill="1" applyBorder="1" applyAlignment="1">
      <alignment vertical="center"/>
    </xf>
    <xf numFmtId="38" fontId="9" fillId="0" borderId="81" xfId="2" applyFont="1" applyFill="1" applyBorder="1" applyAlignment="1">
      <alignment vertical="center"/>
    </xf>
    <xf numFmtId="38" fontId="15" fillId="0" borderId="0" xfId="0" applyNumberFormat="1" applyFont="1" applyFill="1">
      <alignment vertical="center"/>
    </xf>
    <xf numFmtId="176" fontId="9" fillId="0" borderId="15" xfId="3" applyNumberFormat="1" applyFont="1" applyFill="1" applyBorder="1" applyAlignment="1">
      <alignment horizontal="right" vertical="center"/>
    </xf>
    <xf numFmtId="176" fontId="9" fillId="0" borderId="18" xfId="3" applyNumberFormat="1" applyFont="1" applyFill="1" applyBorder="1" applyAlignment="1">
      <alignment horizontal="right" vertical="center"/>
    </xf>
    <xf numFmtId="176" fontId="9" fillId="0" borderId="21" xfId="3" applyNumberFormat="1" applyFont="1" applyFill="1" applyBorder="1" applyAlignment="1">
      <alignment horizontal="right" vertical="center"/>
    </xf>
    <xf numFmtId="0" fontId="9" fillId="0" borderId="97" xfId="0" applyFont="1" applyFill="1" applyBorder="1" applyAlignment="1">
      <alignment horizontal="right" vertical="center"/>
    </xf>
    <xf numFmtId="176" fontId="9" fillId="0" borderId="44" xfId="3" applyNumberFormat="1" applyFont="1" applyFill="1" applyBorder="1" applyAlignment="1">
      <alignment horizontal="right" vertical="center"/>
    </xf>
    <xf numFmtId="0" fontId="9" fillId="0" borderId="44" xfId="0" applyFont="1" applyFill="1" applyBorder="1" applyAlignment="1">
      <alignment horizontal="right" vertical="center"/>
    </xf>
    <xf numFmtId="176" fontId="9" fillId="0" borderId="115" xfId="3" applyNumberFormat="1" applyFont="1" applyFill="1" applyBorder="1" applyAlignment="1">
      <alignment horizontal="right" vertical="center"/>
    </xf>
    <xf numFmtId="38" fontId="9" fillId="0" borderId="115" xfId="2" applyFont="1" applyFill="1" applyBorder="1" applyAlignment="1">
      <alignment horizontal="right" vertical="center"/>
    </xf>
    <xf numFmtId="38" fontId="9" fillId="0" borderId="25" xfId="2" applyFont="1" applyFill="1" applyBorder="1" applyAlignment="1">
      <alignment horizontal="right" vertical="center"/>
    </xf>
    <xf numFmtId="176" fontId="9" fillId="0" borderId="25" xfId="3" applyNumberFormat="1" applyFont="1" applyFill="1" applyBorder="1" applyAlignment="1">
      <alignment horizontal="right" vertical="center"/>
    </xf>
    <xf numFmtId="38" fontId="9" fillId="0" borderId="1" xfId="2" applyFont="1" applyFill="1" applyBorder="1">
      <alignment vertical="center"/>
    </xf>
    <xf numFmtId="176" fontId="9" fillId="0" borderId="14" xfId="3" applyNumberFormat="1" applyFont="1" applyFill="1" applyBorder="1" applyAlignment="1">
      <alignment horizontal="right" vertical="center"/>
    </xf>
    <xf numFmtId="38" fontId="9" fillId="0" borderId="31" xfId="2" applyFont="1" applyFill="1" applyBorder="1">
      <alignment vertical="center"/>
    </xf>
    <xf numFmtId="0" fontId="9" fillId="0" borderId="25" xfId="0" applyFont="1" applyFill="1" applyBorder="1" applyAlignment="1">
      <alignment horizontal="right" vertical="center"/>
    </xf>
    <xf numFmtId="176" fontId="9" fillId="0" borderId="36" xfId="3" applyNumberFormat="1" applyFont="1" applyFill="1" applyBorder="1" applyAlignment="1">
      <alignment horizontal="right" vertical="center"/>
    </xf>
    <xf numFmtId="0" fontId="10" fillId="0" borderId="0" xfId="0" applyFont="1" applyFill="1">
      <alignment vertical="center"/>
    </xf>
    <xf numFmtId="176" fontId="9" fillId="0" borderId="14" xfId="0" applyNumberFormat="1" applyFont="1" applyFill="1" applyBorder="1" applyAlignment="1">
      <alignment horizontal="right" vertical="center"/>
    </xf>
    <xf numFmtId="0" fontId="13" fillId="0" borderId="0" xfId="0" applyFont="1" applyFill="1">
      <alignment vertical="center"/>
    </xf>
    <xf numFmtId="0" fontId="9" fillId="0" borderId="19" xfId="0" applyFont="1" applyFill="1" applyBorder="1" applyAlignment="1">
      <alignment horizontal="center" vertical="center" wrapText="1"/>
    </xf>
    <xf numFmtId="0" fontId="9" fillId="0" borderId="31" xfId="0" applyFont="1" applyFill="1" applyBorder="1" applyAlignment="1">
      <alignment horizontal="center" vertical="center" wrapText="1"/>
    </xf>
    <xf numFmtId="0" fontId="9" fillId="0" borderId="20" xfId="0" applyFont="1" applyFill="1" applyBorder="1" applyAlignment="1">
      <alignment horizontal="center" vertical="center" wrapText="1"/>
    </xf>
    <xf numFmtId="0" fontId="9" fillId="0" borderId="43" xfId="0" applyFont="1" applyFill="1" applyBorder="1" applyAlignment="1">
      <alignment horizontal="center" vertical="center" wrapText="1"/>
    </xf>
    <xf numFmtId="0" fontId="9" fillId="0" borderId="15" xfId="0" applyFont="1" applyFill="1" applyBorder="1" applyAlignment="1">
      <alignment horizontal="center" vertical="center"/>
    </xf>
    <xf numFmtId="0" fontId="9" fillId="0" borderId="18" xfId="0" applyFont="1" applyFill="1" applyBorder="1" applyAlignment="1">
      <alignment horizontal="center" vertical="center"/>
    </xf>
    <xf numFmtId="0" fontId="9" fillId="0" borderId="21" xfId="0" applyFont="1" applyFill="1" applyBorder="1" applyAlignment="1">
      <alignment horizontal="center" vertical="center"/>
    </xf>
    <xf numFmtId="0" fontId="9" fillId="0" borderId="76" xfId="0" applyFont="1" applyFill="1" applyBorder="1" applyAlignment="1">
      <alignment horizontal="center" vertical="center"/>
    </xf>
    <xf numFmtId="0" fontId="13" fillId="0" borderId="0" xfId="0" applyFont="1" applyFill="1" applyAlignment="1">
      <alignment vertical="center"/>
    </xf>
    <xf numFmtId="0" fontId="12" fillId="0" borderId="0" xfId="1" applyFont="1" applyFill="1" applyAlignment="1">
      <alignment horizontal="left" vertical="center"/>
    </xf>
    <xf numFmtId="0" fontId="8" fillId="0" borderId="0" xfId="1" applyFont="1" applyFill="1" applyAlignment="1">
      <alignment horizontal="left" vertical="center"/>
    </xf>
    <xf numFmtId="0" fontId="9" fillId="0" borderId="48" xfId="1" applyFont="1" applyFill="1" applyBorder="1" applyAlignment="1">
      <alignment horizontal="center" vertical="center"/>
    </xf>
    <xf numFmtId="0" fontId="9" fillId="0" borderId="0" xfId="1" applyFont="1" applyFill="1" applyBorder="1" applyAlignment="1">
      <alignment vertical="center"/>
    </xf>
    <xf numFmtId="0" fontId="9" fillId="0" borderId="10" xfId="1" applyFont="1" applyFill="1" applyBorder="1" applyAlignment="1">
      <alignment horizontal="center" vertical="center"/>
    </xf>
    <xf numFmtId="0" fontId="9" fillId="0" borderId="0" xfId="1" applyFont="1" applyFill="1" applyBorder="1" applyAlignment="1">
      <alignment horizontal="left" vertical="center"/>
    </xf>
    <xf numFmtId="0" fontId="9" fillId="0" borderId="76" xfId="1" applyFont="1" applyFill="1" applyBorder="1" applyAlignment="1">
      <alignment horizontal="center" vertical="center"/>
    </xf>
    <xf numFmtId="0" fontId="9" fillId="0" borderId="13" xfId="1" applyFont="1" applyFill="1" applyBorder="1" applyAlignment="1">
      <alignment horizontal="center" vertical="center"/>
    </xf>
    <xf numFmtId="0" fontId="9" fillId="0" borderId="53" xfId="1" applyFont="1" applyFill="1" applyBorder="1" applyAlignment="1">
      <alignment horizontal="center" vertical="center"/>
    </xf>
    <xf numFmtId="0" fontId="9" fillId="0" borderId="16" xfId="1" applyFont="1" applyFill="1" applyBorder="1" applyAlignment="1">
      <alignment horizontal="center" vertical="center"/>
    </xf>
    <xf numFmtId="0" fontId="9" fillId="0" borderId="54" xfId="1" applyFont="1" applyFill="1" applyBorder="1" applyAlignment="1">
      <alignment horizontal="center" vertical="center"/>
    </xf>
    <xf numFmtId="0" fontId="9" fillId="0" borderId="19" xfId="1" applyFont="1" applyFill="1" applyBorder="1" applyAlignment="1">
      <alignment horizontal="center" vertical="center"/>
    </xf>
    <xf numFmtId="0" fontId="9" fillId="0" borderId="74" xfId="1" applyFont="1" applyFill="1" applyBorder="1" applyAlignment="1">
      <alignment horizontal="center" vertical="center"/>
    </xf>
    <xf numFmtId="0" fontId="9" fillId="0" borderId="70" xfId="1" applyFont="1" applyFill="1" applyBorder="1" applyAlignment="1">
      <alignment vertical="center"/>
    </xf>
    <xf numFmtId="0" fontId="9" fillId="0" borderId="44" xfId="1" applyFont="1" applyFill="1" applyBorder="1" applyAlignment="1">
      <alignment vertical="center"/>
    </xf>
    <xf numFmtId="0" fontId="9" fillId="0" borderId="115" xfId="1" applyFont="1" applyFill="1" applyBorder="1" applyAlignment="1">
      <alignment vertical="center"/>
    </xf>
    <xf numFmtId="0" fontId="9" fillId="0" borderId="22" xfId="1" applyFont="1" applyFill="1" applyBorder="1" applyAlignment="1">
      <alignment horizontal="center" vertical="center"/>
    </xf>
    <xf numFmtId="0" fontId="9" fillId="0" borderId="23" xfId="1" applyFont="1" applyFill="1" applyBorder="1" applyAlignment="1">
      <alignment horizontal="right" vertical="center"/>
    </xf>
    <xf numFmtId="0" fontId="9" fillId="0" borderId="0" xfId="1" applyFont="1" applyFill="1" applyBorder="1" applyAlignment="1">
      <alignment horizontal="center" vertical="center"/>
    </xf>
    <xf numFmtId="0" fontId="9" fillId="0" borderId="0" xfId="1" applyFont="1" applyFill="1" applyBorder="1" applyAlignment="1">
      <alignment horizontal="right" vertical="center"/>
    </xf>
    <xf numFmtId="0" fontId="9" fillId="0" borderId="52" xfId="1" applyFont="1" applyFill="1" applyBorder="1" applyAlignment="1">
      <alignment horizontal="center" vertical="center"/>
    </xf>
    <xf numFmtId="0" fontId="9" fillId="0" borderId="57" xfId="1" applyFont="1" applyFill="1" applyBorder="1" applyAlignment="1">
      <alignment horizontal="center" vertical="center"/>
    </xf>
    <xf numFmtId="0" fontId="9" fillId="0" borderId="35" xfId="1" applyFont="1" applyFill="1" applyBorder="1" applyAlignment="1">
      <alignment horizontal="right" vertical="center"/>
    </xf>
    <xf numFmtId="0" fontId="9" fillId="0" borderId="44" xfId="1" applyFont="1" applyFill="1" applyBorder="1" applyAlignment="1">
      <alignment horizontal="right" vertical="center"/>
    </xf>
    <xf numFmtId="0" fontId="9" fillId="0" borderId="99" xfId="1" applyFont="1" applyFill="1" applyBorder="1" applyAlignment="1">
      <alignment horizontal="left" vertical="center"/>
    </xf>
    <xf numFmtId="0" fontId="9" fillId="0" borderId="103" xfId="1" applyFont="1" applyFill="1" applyBorder="1" applyAlignment="1">
      <alignment horizontal="left" vertical="center"/>
    </xf>
    <xf numFmtId="0" fontId="9" fillId="0" borderId="96" xfId="1" applyFont="1" applyFill="1" applyBorder="1" applyAlignment="1">
      <alignment horizontal="left" vertical="center"/>
    </xf>
    <xf numFmtId="0" fontId="9" fillId="0" borderId="100" xfId="1" applyFont="1" applyFill="1" applyBorder="1" applyAlignment="1">
      <alignment horizontal="left" vertical="center"/>
    </xf>
    <xf numFmtId="0" fontId="14" fillId="0" borderId="51" xfId="8" applyFont="1" applyFill="1" applyBorder="1" applyAlignment="1">
      <alignment horizontal="center" vertical="center" wrapText="1"/>
    </xf>
    <xf numFmtId="0" fontId="14" fillId="0" borderId="11" xfId="8" applyFont="1" applyFill="1" applyBorder="1" applyAlignment="1">
      <alignment horizontal="center" vertical="center" wrapText="1"/>
    </xf>
    <xf numFmtId="0" fontId="10" fillId="0" borderId="49" xfId="1" applyFont="1" applyFill="1" applyBorder="1" applyAlignment="1">
      <alignment horizontal="center" vertical="center" wrapText="1"/>
    </xf>
    <xf numFmtId="0" fontId="13" fillId="0" borderId="11" xfId="1" applyFont="1" applyFill="1" applyBorder="1" applyAlignment="1">
      <alignment horizontal="center" vertical="center" wrapText="1"/>
    </xf>
    <xf numFmtId="176" fontId="9" fillId="0" borderId="32" xfId="3" applyNumberFormat="1" applyFont="1" applyFill="1" applyBorder="1" applyAlignment="1">
      <alignment vertical="center"/>
    </xf>
    <xf numFmtId="176" fontId="9" fillId="0" borderId="17" xfId="3" applyNumberFormat="1" applyFont="1" applyFill="1" applyBorder="1" applyAlignment="1">
      <alignment vertical="center"/>
    </xf>
    <xf numFmtId="176" fontId="9" fillId="0" borderId="84" xfId="3" applyNumberFormat="1" applyFont="1" applyFill="1" applyBorder="1" applyAlignment="1">
      <alignment vertical="center"/>
    </xf>
    <xf numFmtId="176" fontId="9" fillId="0" borderId="36" xfId="3" applyNumberFormat="1" applyFont="1" applyFill="1" applyBorder="1" applyAlignment="1">
      <alignment vertical="center"/>
    </xf>
    <xf numFmtId="0" fontId="10" fillId="0" borderId="51" xfId="1" applyFont="1" applyFill="1" applyBorder="1" applyAlignment="1">
      <alignment horizontal="center" vertical="center" wrapText="1"/>
    </xf>
    <xf numFmtId="176" fontId="9" fillId="0" borderId="32" xfId="3" applyNumberFormat="1" applyFont="1" applyFill="1" applyBorder="1" applyAlignment="1">
      <alignment horizontal="right" vertical="center"/>
    </xf>
    <xf numFmtId="176" fontId="9" fillId="0" borderId="84" xfId="3" applyNumberFormat="1" applyFont="1" applyFill="1" applyBorder="1" applyAlignment="1">
      <alignment horizontal="right" vertical="center"/>
    </xf>
    <xf numFmtId="176" fontId="9" fillId="0" borderId="75" xfId="3" applyNumberFormat="1" applyFont="1" applyFill="1" applyBorder="1" applyAlignment="1">
      <alignment horizontal="right" vertical="center"/>
    </xf>
    <xf numFmtId="38" fontId="9" fillId="0" borderId="24" xfId="2" applyFont="1" applyFill="1" applyBorder="1" applyAlignment="1">
      <alignment vertical="center"/>
    </xf>
    <xf numFmtId="176" fontId="9" fillId="0" borderId="4" xfId="3" applyNumberFormat="1" applyFont="1" applyFill="1" applyBorder="1" applyAlignment="1">
      <alignment horizontal="right" vertical="center"/>
    </xf>
    <xf numFmtId="176" fontId="9" fillId="0" borderId="70" xfId="3" applyNumberFormat="1" applyFont="1" applyFill="1" applyBorder="1" applyAlignment="1">
      <alignment horizontal="right" vertical="center"/>
    </xf>
    <xf numFmtId="38" fontId="9" fillId="0" borderId="33" xfId="2" applyFont="1" applyFill="1" applyBorder="1" applyAlignment="1">
      <alignment horizontal="right" vertical="center"/>
    </xf>
    <xf numFmtId="38" fontId="9" fillId="0" borderId="34" xfId="2" applyFont="1" applyFill="1" applyBorder="1" applyAlignment="1">
      <alignment horizontal="right" vertical="center"/>
    </xf>
    <xf numFmtId="177" fontId="9" fillId="0" borderId="35" xfId="2" applyNumberFormat="1" applyFont="1" applyFill="1" applyBorder="1" applyAlignment="1">
      <alignment horizontal="right" vertical="center"/>
    </xf>
    <xf numFmtId="38" fontId="9" fillId="0" borderId="35" xfId="2" applyFont="1" applyFill="1" applyBorder="1" applyAlignment="1">
      <alignment horizontal="right" vertical="center"/>
    </xf>
    <xf numFmtId="176" fontId="9" fillId="0" borderId="102" xfId="3" applyNumberFormat="1" applyFont="1" applyFill="1" applyBorder="1" applyAlignment="1">
      <alignment horizontal="left" vertical="center"/>
    </xf>
    <xf numFmtId="176" fontId="9" fillId="0" borderId="71" xfId="3" applyNumberFormat="1" applyFont="1" applyFill="1" applyBorder="1" applyAlignment="1">
      <alignment horizontal="left" vertical="center"/>
    </xf>
    <xf numFmtId="0" fontId="9" fillId="0" borderId="102" xfId="1" applyFont="1" applyFill="1" applyBorder="1" applyAlignment="1">
      <alignment horizontal="right" vertical="center"/>
    </xf>
    <xf numFmtId="0" fontId="9" fillId="0" borderId="71" xfId="1" applyFont="1" applyFill="1" applyBorder="1" applyAlignment="1">
      <alignment horizontal="right" vertical="center"/>
    </xf>
    <xf numFmtId="0" fontId="9" fillId="0" borderId="33" xfId="1" applyFont="1" applyFill="1" applyBorder="1" applyAlignment="1">
      <alignment horizontal="right" vertical="center"/>
    </xf>
    <xf numFmtId="176" fontId="9" fillId="0" borderId="17" xfId="3" applyNumberFormat="1" applyFont="1" applyFill="1" applyBorder="1" applyAlignment="1">
      <alignment horizontal="center" vertical="center"/>
    </xf>
    <xf numFmtId="176" fontId="9" fillId="0" borderId="14" xfId="0" applyNumberFormat="1" applyFont="1" applyFill="1" applyBorder="1" applyAlignment="1">
      <alignment horizontal="center" vertical="center"/>
    </xf>
    <xf numFmtId="0" fontId="9" fillId="0" borderId="0" xfId="0" applyFont="1" applyFill="1" applyAlignment="1">
      <alignment horizontal="right" vertical="center"/>
    </xf>
    <xf numFmtId="178" fontId="9" fillId="0" borderId="31" xfId="2" applyNumberFormat="1" applyFont="1" applyFill="1" applyBorder="1" applyAlignment="1">
      <alignment horizontal="center" vertical="center" wrapText="1"/>
    </xf>
    <xf numFmtId="0" fontId="9" fillId="0" borderId="54" xfId="6" applyFont="1" applyFill="1" applyBorder="1" applyAlignment="1">
      <alignment horizontal="center" vertical="center"/>
    </xf>
    <xf numFmtId="0" fontId="9" fillId="0" borderId="53" xfId="6" applyFont="1" applyFill="1" applyBorder="1" applyAlignment="1">
      <alignment horizontal="center" vertical="center"/>
    </xf>
    <xf numFmtId="0" fontId="9" fillId="0" borderId="71" xfId="6" applyFont="1" applyFill="1" applyBorder="1" applyAlignment="1">
      <alignment horizontal="center" vertical="center"/>
    </xf>
    <xf numFmtId="0" fontId="9" fillId="0" borderId="16" xfId="0" applyFont="1" applyFill="1" applyBorder="1" applyAlignment="1">
      <alignment horizontal="center" vertical="center"/>
    </xf>
    <xf numFmtId="0" fontId="9" fillId="0" borderId="53" xfId="0" applyFont="1" applyFill="1" applyBorder="1" applyAlignment="1">
      <alignment horizontal="center" vertical="center"/>
    </xf>
    <xf numFmtId="0" fontId="9" fillId="0" borderId="54" xfId="0" applyFont="1" applyFill="1" applyBorder="1" applyAlignment="1">
      <alignment horizontal="center" vertical="center"/>
    </xf>
    <xf numFmtId="0" fontId="9" fillId="0" borderId="57" xfId="0" applyFont="1" applyFill="1" applyBorder="1" applyAlignment="1">
      <alignment horizontal="center" vertical="center"/>
    </xf>
    <xf numFmtId="0" fontId="9" fillId="0" borderId="105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center" vertical="center"/>
    </xf>
    <xf numFmtId="0" fontId="9" fillId="0" borderId="50" xfId="0" applyFont="1" applyFill="1" applyBorder="1" applyAlignment="1">
      <alignment horizontal="center" vertical="center"/>
    </xf>
    <xf numFmtId="0" fontId="9" fillId="0" borderId="13" xfId="0" applyFont="1" applyFill="1" applyBorder="1" applyAlignment="1">
      <alignment horizontal="center" vertical="center"/>
    </xf>
    <xf numFmtId="0" fontId="9" fillId="0" borderId="0" xfId="1" applyFont="1" applyFill="1" applyAlignment="1">
      <alignment horizontal="left" vertical="center"/>
    </xf>
    <xf numFmtId="0" fontId="9" fillId="0" borderId="118" xfId="1" applyFont="1" applyFill="1" applyBorder="1" applyAlignment="1">
      <alignment horizontal="left" vertical="center"/>
    </xf>
    <xf numFmtId="0" fontId="10" fillId="0" borderId="59" xfId="1" applyFont="1" applyFill="1" applyBorder="1" applyAlignment="1">
      <alignment horizontal="center" vertical="center" wrapText="1"/>
    </xf>
    <xf numFmtId="0" fontId="9" fillId="0" borderId="85" xfId="1" applyFont="1" applyFill="1" applyBorder="1" applyAlignment="1">
      <alignment horizontal="center" vertical="center"/>
    </xf>
    <xf numFmtId="0" fontId="9" fillId="0" borderId="51" xfId="1" applyFont="1" applyFill="1" applyBorder="1" applyAlignment="1">
      <alignment horizontal="center" vertical="center"/>
    </xf>
    <xf numFmtId="0" fontId="10" fillId="0" borderId="51" xfId="1" applyFont="1" applyFill="1" applyBorder="1" applyAlignment="1">
      <alignment horizontal="center" vertical="center"/>
    </xf>
    <xf numFmtId="0" fontId="10" fillId="0" borderId="50" xfId="1" applyFont="1" applyFill="1" applyBorder="1" applyAlignment="1">
      <alignment horizontal="center" vertical="center"/>
    </xf>
    <xf numFmtId="0" fontId="9" fillId="0" borderId="11" xfId="1" applyFont="1" applyFill="1" applyBorder="1" applyAlignment="1">
      <alignment horizontal="center" vertical="center" wrapText="1"/>
    </xf>
    <xf numFmtId="0" fontId="9" fillId="0" borderId="119" xfId="1" applyFont="1" applyFill="1" applyBorder="1" applyAlignment="1">
      <alignment vertical="center"/>
    </xf>
    <xf numFmtId="0" fontId="9" fillId="0" borderId="87" xfId="1" applyFont="1" applyFill="1" applyBorder="1" applyAlignment="1">
      <alignment vertical="center"/>
    </xf>
    <xf numFmtId="0" fontId="9" fillId="0" borderId="91" xfId="1" applyFont="1" applyFill="1" applyBorder="1" applyAlignment="1">
      <alignment vertical="center"/>
    </xf>
    <xf numFmtId="0" fontId="9" fillId="0" borderId="89" xfId="1" applyFont="1" applyFill="1" applyBorder="1" applyAlignment="1">
      <alignment vertical="center"/>
    </xf>
    <xf numFmtId="0" fontId="9" fillId="0" borderId="98" xfId="1" applyFont="1" applyFill="1" applyBorder="1" applyAlignment="1">
      <alignment horizontal="right" vertical="center"/>
    </xf>
    <xf numFmtId="0" fontId="9" fillId="0" borderId="113" xfId="1" applyFont="1" applyFill="1" applyBorder="1" applyAlignment="1">
      <alignment horizontal="right" vertical="center"/>
    </xf>
    <xf numFmtId="0" fontId="9" fillId="0" borderId="50" xfId="1" applyFont="1" applyFill="1" applyBorder="1" applyAlignment="1">
      <alignment horizontal="center" vertical="center"/>
    </xf>
    <xf numFmtId="0" fontId="10" fillId="0" borderId="49" xfId="1" applyFont="1" applyFill="1" applyBorder="1" applyAlignment="1">
      <alignment horizontal="center" vertical="center"/>
    </xf>
    <xf numFmtId="0" fontId="9" fillId="0" borderId="11" xfId="1" applyFont="1" applyFill="1" applyBorder="1" applyAlignment="1">
      <alignment horizontal="center" vertical="center"/>
    </xf>
    <xf numFmtId="0" fontId="9" fillId="0" borderId="120" xfId="1" applyFont="1" applyFill="1" applyBorder="1" applyAlignment="1">
      <alignment horizontal="right" vertical="center"/>
    </xf>
    <xf numFmtId="0" fontId="9" fillId="0" borderId="87" xfId="1" applyFont="1" applyFill="1" applyBorder="1" applyAlignment="1">
      <alignment horizontal="right" vertical="center"/>
    </xf>
    <xf numFmtId="0" fontId="9" fillId="0" borderId="91" xfId="1" applyFont="1" applyFill="1" applyBorder="1" applyAlignment="1">
      <alignment horizontal="right" vertical="center"/>
    </xf>
    <xf numFmtId="0" fontId="9" fillId="0" borderId="89" xfId="1" applyFont="1" applyFill="1" applyBorder="1" applyAlignment="1">
      <alignment horizontal="right" vertical="center"/>
    </xf>
    <xf numFmtId="0" fontId="9" fillId="0" borderId="97" xfId="1" applyFont="1" applyFill="1" applyBorder="1" applyAlignment="1">
      <alignment horizontal="right" vertical="center"/>
    </xf>
    <xf numFmtId="0" fontId="9" fillId="0" borderId="57" xfId="1" applyFont="1" applyFill="1" applyBorder="1" applyAlignment="1">
      <alignment horizontal="left" vertical="center"/>
    </xf>
    <xf numFmtId="0" fontId="8" fillId="0" borderId="0" xfId="0" applyFont="1" applyFill="1" applyAlignment="1">
      <alignment horizontal="right" vertical="center"/>
    </xf>
    <xf numFmtId="0" fontId="12" fillId="0" borderId="0" xfId="0" applyFont="1" applyFill="1" applyAlignment="1">
      <alignment horizontal="left" vertical="center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Alignment="1">
      <alignment horizontal="left" vertical="center"/>
    </xf>
    <xf numFmtId="0" fontId="5" fillId="0" borderId="0" xfId="0" applyFont="1" applyFill="1" applyBorder="1" applyAlignment="1">
      <alignment horizontal="left" vertical="center"/>
    </xf>
    <xf numFmtId="11" fontId="9" fillId="0" borderId="0" xfId="0" applyNumberFormat="1" applyFont="1" applyFill="1">
      <alignment vertical="center"/>
    </xf>
    <xf numFmtId="0" fontId="8" fillId="0" borderId="0" xfId="0" applyFont="1" applyFill="1" applyAlignment="1">
      <alignment horizontal="center" vertical="center"/>
    </xf>
    <xf numFmtId="38" fontId="9" fillId="0" borderId="13" xfId="2" applyFont="1" applyFill="1" applyBorder="1" applyAlignment="1">
      <alignment horizontal="right" vertical="center"/>
    </xf>
    <xf numFmtId="38" fontId="9" fillId="0" borderId="1" xfId="2" applyFont="1" applyFill="1" applyBorder="1" applyAlignment="1">
      <alignment horizontal="right" vertical="center"/>
    </xf>
    <xf numFmtId="177" fontId="9" fillId="0" borderId="1" xfId="2" applyNumberFormat="1" applyFont="1" applyFill="1" applyBorder="1" applyAlignment="1">
      <alignment horizontal="right" vertical="center"/>
    </xf>
    <xf numFmtId="38" fontId="9" fillId="0" borderId="16" xfId="2" applyFont="1" applyFill="1" applyBorder="1" applyAlignment="1">
      <alignment horizontal="right" vertical="center"/>
    </xf>
    <xf numFmtId="38" fontId="9" fillId="0" borderId="2" xfId="2" applyFont="1" applyFill="1" applyBorder="1" applyAlignment="1">
      <alignment horizontal="right" vertical="center"/>
    </xf>
    <xf numFmtId="38" fontId="9" fillId="0" borderId="19" xfId="2" applyFont="1" applyFill="1" applyBorder="1" applyAlignment="1">
      <alignment horizontal="right" vertical="center"/>
    </xf>
    <xf numFmtId="38" fontId="9" fillId="0" borderId="31" xfId="2" applyFont="1" applyFill="1" applyBorder="1" applyAlignment="1">
      <alignment horizontal="right" vertical="center"/>
    </xf>
    <xf numFmtId="177" fontId="9" fillId="0" borderId="31" xfId="2" applyNumberFormat="1" applyFont="1" applyFill="1" applyBorder="1" applyAlignment="1">
      <alignment horizontal="right" vertical="center"/>
    </xf>
    <xf numFmtId="38" fontId="9" fillId="0" borderId="42" xfId="2" applyFont="1" applyFill="1" applyBorder="1" applyAlignment="1">
      <alignment horizontal="right" vertical="center"/>
    </xf>
    <xf numFmtId="38" fontId="9" fillId="0" borderId="7" xfId="2" applyFont="1" applyFill="1" applyBorder="1" applyAlignment="1">
      <alignment horizontal="right" vertical="center"/>
    </xf>
    <xf numFmtId="177" fontId="9" fillId="0" borderId="4" xfId="2" applyNumberFormat="1" applyFont="1" applyFill="1" applyBorder="1" applyAlignment="1">
      <alignment horizontal="right" vertical="center"/>
    </xf>
    <xf numFmtId="38" fontId="9" fillId="0" borderId="47" xfId="2" applyFont="1" applyFill="1" applyBorder="1" applyAlignment="1">
      <alignment horizontal="right" vertical="center"/>
    </xf>
    <xf numFmtId="0" fontId="8" fillId="0" borderId="0" xfId="0" applyFont="1" applyFill="1" applyAlignment="1">
      <alignment horizontal="left" vertical="center"/>
    </xf>
    <xf numFmtId="177" fontId="9" fillId="0" borderId="47" xfId="2" applyNumberFormat="1" applyFont="1" applyFill="1" applyBorder="1" applyAlignment="1">
      <alignment horizontal="right" vertical="center"/>
    </xf>
    <xf numFmtId="176" fontId="9" fillId="0" borderId="14" xfId="3" applyNumberFormat="1" applyFont="1" applyFill="1" applyBorder="1" applyAlignment="1">
      <alignment horizontal="center" vertical="center"/>
    </xf>
    <xf numFmtId="0" fontId="9" fillId="0" borderId="0" xfId="0" applyFont="1" applyFill="1" applyAlignment="1">
      <alignment vertical="center" wrapText="1"/>
    </xf>
    <xf numFmtId="178" fontId="12" fillId="0" borderId="0" xfId="2" applyNumberFormat="1" applyFont="1" applyFill="1">
      <alignment vertical="center"/>
    </xf>
    <xf numFmtId="178" fontId="9" fillId="0" borderId="0" xfId="2" applyNumberFormat="1" applyFont="1" applyFill="1" applyAlignment="1">
      <alignment horizontal="right"/>
    </xf>
    <xf numFmtId="178" fontId="8" fillId="0" borderId="0" xfId="2" applyNumberFormat="1" applyFont="1" applyFill="1">
      <alignment vertical="center"/>
    </xf>
    <xf numFmtId="178" fontId="9" fillId="0" borderId="19" xfId="2" applyNumberFormat="1" applyFont="1" applyFill="1" applyBorder="1" applyAlignment="1">
      <alignment horizontal="center" vertical="center" wrapText="1"/>
    </xf>
    <xf numFmtId="178" fontId="9" fillId="0" borderId="15" xfId="2" applyNumberFormat="1" applyFont="1" applyFill="1" applyBorder="1" applyAlignment="1">
      <alignment horizontal="center" vertical="center"/>
    </xf>
    <xf numFmtId="178" fontId="9" fillId="0" borderId="13" xfId="2" applyNumberFormat="1" applyFont="1" applyFill="1" applyBorder="1" applyAlignment="1">
      <alignment horizontal="right" vertical="center"/>
    </xf>
    <xf numFmtId="178" fontId="9" fillId="0" borderId="7" xfId="2" applyNumberFormat="1" applyFont="1" applyFill="1" applyBorder="1" applyAlignment="1">
      <alignment horizontal="right" vertical="center"/>
    </xf>
    <xf numFmtId="178" fontId="9" fillId="0" borderId="76" xfId="2" applyNumberFormat="1" applyFont="1" applyFill="1" applyBorder="1">
      <alignment vertical="center"/>
    </xf>
    <xf numFmtId="178" fontId="9" fillId="0" borderId="32" xfId="2" applyNumberFormat="1" applyFont="1" applyFill="1" applyBorder="1">
      <alignment vertical="center"/>
    </xf>
    <xf numFmtId="178" fontId="9" fillId="0" borderId="42" xfId="2" applyNumberFormat="1" applyFont="1" applyFill="1" applyBorder="1">
      <alignment vertical="center"/>
    </xf>
    <xf numFmtId="178" fontId="9" fillId="0" borderId="45" xfId="2" applyNumberFormat="1" applyFont="1" applyFill="1" applyBorder="1">
      <alignment vertical="center"/>
    </xf>
    <xf numFmtId="178" fontId="9" fillId="0" borderId="86" xfId="2" applyNumberFormat="1" applyFont="1" applyFill="1" applyBorder="1">
      <alignment vertical="center"/>
    </xf>
    <xf numFmtId="178" fontId="9" fillId="0" borderId="18" xfId="2" applyNumberFormat="1" applyFont="1" applyFill="1" applyBorder="1" applyAlignment="1">
      <alignment horizontal="center" vertical="center"/>
    </xf>
    <xf numFmtId="178" fontId="9" fillId="0" borderId="52" xfId="2" applyNumberFormat="1" applyFont="1" applyFill="1" applyBorder="1">
      <alignment vertical="center"/>
    </xf>
    <xf numFmtId="178" fontId="9" fillId="0" borderId="14" xfId="2" applyNumberFormat="1" applyFont="1" applyFill="1" applyBorder="1">
      <alignment vertical="center"/>
    </xf>
    <xf numFmtId="178" fontId="9" fillId="0" borderId="13" xfId="2" applyNumberFormat="1" applyFont="1" applyFill="1" applyBorder="1">
      <alignment vertical="center"/>
    </xf>
    <xf numFmtId="178" fontId="9" fillId="0" borderId="21" xfId="2" applyNumberFormat="1" applyFont="1" applyFill="1" applyBorder="1" applyAlignment="1">
      <alignment horizontal="center" vertical="center"/>
    </xf>
    <xf numFmtId="178" fontId="9" fillId="0" borderId="19" xfId="2" applyNumberFormat="1" applyFont="1" applyFill="1" applyBorder="1" applyAlignment="1">
      <alignment horizontal="right" vertical="center"/>
    </xf>
    <xf numFmtId="178" fontId="9" fillId="0" borderId="31" xfId="2" applyNumberFormat="1" applyFont="1" applyFill="1" applyBorder="1" applyAlignment="1">
      <alignment horizontal="right" vertical="center"/>
    </xf>
    <xf numFmtId="178" fontId="9" fillId="0" borderId="20" xfId="2" applyNumberFormat="1" applyFont="1" applyFill="1" applyBorder="1">
      <alignment vertical="center"/>
    </xf>
    <xf numFmtId="178" fontId="9" fillId="0" borderId="19" xfId="2" applyNumberFormat="1" applyFont="1" applyFill="1" applyBorder="1">
      <alignment vertical="center"/>
    </xf>
    <xf numFmtId="178" fontId="9" fillId="0" borderId="77" xfId="2" applyNumberFormat="1" applyFont="1" applyFill="1" applyBorder="1">
      <alignment vertical="center"/>
    </xf>
    <xf numFmtId="178" fontId="9" fillId="0" borderId="91" xfId="2" applyNumberFormat="1" applyFont="1" applyFill="1" applyBorder="1">
      <alignment vertical="center"/>
    </xf>
    <xf numFmtId="178" fontId="9" fillId="0" borderId="24" xfId="2" applyNumberFormat="1" applyFont="1" applyFill="1" applyBorder="1" applyAlignment="1">
      <alignment horizontal="center" vertical="center" wrapText="1"/>
    </xf>
    <xf numFmtId="178" fontId="9" fillId="0" borderId="22" xfId="2" applyNumberFormat="1" applyFont="1" applyFill="1" applyBorder="1">
      <alignment vertical="center"/>
    </xf>
    <xf numFmtId="178" fontId="9" fillId="0" borderId="44" xfId="2" applyNumberFormat="1" applyFont="1" applyFill="1" applyBorder="1">
      <alignment vertical="center"/>
    </xf>
    <xf numFmtId="178" fontId="9" fillId="0" borderId="74" xfId="2" applyNumberFormat="1" applyFont="1" applyFill="1" applyBorder="1">
      <alignment vertical="center"/>
    </xf>
    <xf numFmtId="178" fontId="9" fillId="0" borderId="36" xfId="2" applyNumberFormat="1" applyFont="1" applyFill="1" applyBorder="1">
      <alignment vertical="center"/>
    </xf>
    <xf numFmtId="178" fontId="9" fillId="0" borderId="33" xfId="2" applyNumberFormat="1" applyFont="1" applyFill="1" applyBorder="1">
      <alignment vertical="center"/>
    </xf>
    <xf numFmtId="178" fontId="9" fillId="0" borderId="78" xfId="2" applyNumberFormat="1" applyFont="1" applyFill="1" applyBorder="1">
      <alignment vertical="center"/>
    </xf>
    <xf numFmtId="178" fontId="9" fillId="0" borderId="89" xfId="2" applyNumberFormat="1" applyFont="1" applyFill="1" applyBorder="1">
      <alignment vertical="center"/>
    </xf>
    <xf numFmtId="178" fontId="9" fillId="0" borderId="42" xfId="2" applyNumberFormat="1" applyFont="1" applyFill="1" applyBorder="1" applyAlignment="1">
      <alignment horizontal="right" vertical="center"/>
    </xf>
    <xf numFmtId="178" fontId="9" fillId="0" borderId="32" xfId="2" applyNumberFormat="1" applyFont="1" applyFill="1" applyBorder="1" applyAlignment="1">
      <alignment horizontal="right" vertical="center"/>
    </xf>
    <xf numFmtId="178" fontId="9" fillId="0" borderId="7" xfId="2" applyNumberFormat="1" applyFont="1" applyFill="1" applyBorder="1">
      <alignment vertical="center"/>
    </xf>
    <xf numFmtId="178" fontId="9" fillId="0" borderId="14" xfId="2" applyNumberFormat="1" applyFont="1" applyFill="1" applyBorder="1" applyAlignment="1">
      <alignment horizontal="right" vertical="center"/>
    </xf>
    <xf numFmtId="178" fontId="9" fillId="0" borderId="24" xfId="2" applyNumberFormat="1" applyFont="1" applyFill="1" applyBorder="1" applyAlignment="1">
      <alignment horizontal="center" vertical="center"/>
    </xf>
    <xf numFmtId="178" fontId="9" fillId="0" borderId="35" xfId="2" applyNumberFormat="1" applyFont="1" applyFill="1" applyBorder="1">
      <alignment vertical="center"/>
    </xf>
    <xf numFmtId="178" fontId="9" fillId="0" borderId="34" xfId="2" applyNumberFormat="1" applyFont="1" applyFill="1" applyBorder="1">
      <alignment vertical="center"/>
    </xf>
    <xf numFmtId="178" fontId="9" fillId="0" borderId="1" xfId="2" applyNumberFormat="1" applyFont="1" applyFill="1" applyBorder="1">
      <alignment vertical="center"/>
    </xf>
    <xf numFmtId="49" fontId="9" fillId="0" borderId="1" xfId="2" applyNumberFormat="1" applyFont="1" applyFill="1" applyBorder="1" applyAlignment="1">
      <alignment horizontal="right" vertical="center"/>
    </xf>
    <xf numFmtId="49" fontId="9" fillId="0" borderId="4" xfId="2" applyNumberFormat="1" applyFont="1" applyFill="1" applyBorder="1" applyAlignment="1">
      <alignment horizontal="right" vertical="center"/>
    </xf>
    <xf numFmtId="179" fontId="9" fillId="0" borderId="1" xfId="2" applyNumberFormat="1" applyFont="1" applyFill="1" applyBorder="1" applyAlignment="1">
      <alignment horizontal="right" vertical="center"/>
    </xf>
    <xf numFmtId="180" fontId="9" fillId="0" borderId="14" xfId="2" applyNumberFormat="1" applyFont="1" applyFill="1" applyBorder="1">
      <alignment vertical="center"/>
    </xf>
    <xf numFmtId="49" fontId="9" fillId="0" borderId="2" xfId="2" applyNumberFormat="1" applyFont="1" applyFill="1" applyBorder="1" applyAlignment="1">
      <alignment horizontal="right" vertical="center"/>
    </xf>
    <xf numFmtId="49" fontId="9" fillId="0" borderId="3" xfId="2" applyNumberFormat="1" applyFont="1" applyFill="1" applyBorder="1" applyAlignment="1">
      <alignment horizontal="right" vertical="center"/>
    </xf>
    <xf numFmtId="179" fontId="9" fillId="0" borderId="2" xfId="2" applyNumberFormat="1" applyFont="1" applyFill="1" applyBorder="1" applyAlignment="1">
      <alignment horizontal="right" vertical="center"/>
    </xf>
    <xf numFmtId="180" fontId="9" fillId="0" borderId="17" xfId="2" applyNumberFormat="1" applyFont="1" applyFill="1" applyBorder="1">
      <alignment vertical="center"/>
    </xf>
    <xf numFmtId="178" fontId="9" fillId="0" borderId="31" xfId="2" applyNumberFormat="1" applyFont="1" applyFill="1" applyBorder="1">
      <alignment vertical="center"/>
    </xf>
    <xf numFmtId="49" fontId="9" fillId="0" borderId="31" xfId="2" applyNumberFormat="1" applyFont="1" applyFill="1" applyBorder="1" applyAlignment="1">
      <alignment horizontal="right" vertical="center"/>
    </xf>
    <xf numFmtId="49" fontId="9" fillId="0" borderId="56" xfId="2" applyNumberFormat="1" applyFont="1" applyFill="1" applyBorder="1" applyAlignment="1">
      <alignment horizontal="right" vertical="center"/>
    </xf>
    <xf numFmtId="179" fontId="9" fillId="0" borderId="31" xfId="2" applyNumberFormat="1" applyFont="1" applyFill="1" applyBorder="1" applyAlignment="1">
      <alignment horizontal="right" vertical="center"/>
    </xf>
    <xf numFmtId="180" fontId="9" fillId="0" borderId="20" xfId="2" applyNumberFormat="1" applyFont="1" applyFill="1" applyBorder="1">
      <alignment vertical="center"/>
    </xf>
    <xf numFmtId="178" fontId="9" fillId="0" borderId="97" xfId="2" applyNumberFormat="1" applyFont="1" applyFill="1" applyBorder="1">
      <alignment vertical="center"/>
    </xf>
    <xf numFmtId="179" fontId="9" fillId="0" borderId="97" xfId="2" applyNumberFormat="1" applyFont="1" applyFill="1" applyBorder="1" applyAlignment="1">
      <alignment horizontal="right" vertical="center"/>
    </xf>
    <xf numFmtId="180" fontId="9" fillId="0" borderId="23" xfId="2" applyNumberFormat="1" applyFont="1" applyFill="1" applyBorder="1">
      <alignment vertical="center"/>
    </xf>
    <xf numFmtId="178" fontId="10" fillId="0" borderId="0" xfId="2" applyNumberFormat="1" applyFont="1" applyFill="1">
      <alignment vertical="center"/>
    </xf>
    <xf numFmtId="49" fontId="7" fillId="0" borderId="0" xfId="0" applyNumberFormat="1" applyFont="1" applyFill="1" applyAlignment="1">
      <alignment horizontal="left" vertical="center"/>
    </xf>
    <xf numFmtId="57" fontId="9" fillId="0" borderId="19" xfId="0" applyNumberFormat="1" applyFont="1" applyFill="1" applyBorder="1" applyAlignment="1">
      <alignment horizontal="center" vertical="center" wrapText="1"/>
    </xf>
    <xf numFmtId="57" fontId="13" fillId="0" borderId="31" xfId="0" applyNumberFormat="1" applyFont="1" applyFill="1" applyBorder="1" applyAlignment="1">
      <alignment horizontal="center" vertical="center" wrapText="1"/>
    </xf>
    <xf numFmtId="57" fontId="9" fillId="0" borderId="20" xfId="0" applyNumberFormat="1" applyFont="1" applyFill="1" applyBorder="1" applyAlignment="1">
      <alignment horizontal="center" vertical="center"/>
    </xf>
    <xf numFmtId="38" fontId="9" fillId="0" borderId="13" xfId="2" applyNumberFormat="1" applyFont="1" applyFill="1" applyBorder="1">
      <alignment vertical="center"/>
    </xf>
    <xf numFmtId="38" fontId="9" fillId="0" borderId="2" xfId="2" applyFont="1" applyFill="1" applyBorder="1">
      <alignment vertical="center"/>
    </xf>
    <xf numFmtId="176" fontId="9" fillId="0" borderId="17" xfId="0" applyNumberFormat="1" applyFont="1" applyFill="1" applyBorder="1" applyAlignment="1">
      <alignment horizontal="right" vertical="center"/>
    </xf>
    <xf numFmtId="176" fontId="9" fillId="0" borderId="17" xfId="0" applyNumberFormat="1" applyFont="1" applyFill="1" applyBorder="1" applyAlignment="1">
      <alignment horizontal="center" vertical="center"/>
    </xf>
    <xf numFmtId="176" fontId="9" fillId="0" borderId="20" xfId="0" applyNumberFormat="1" applyFont="1" applyFill="1" applyBorder="1" applyAlignment="1">
      <alignment horizontal="right" vertical="center"/>
    </xf>
    <xf numFmtId="176" fontId="9" fillId="0" borderId="20" xfId="0" applyNumberFormat="1" applyFont="1" applyFill="1" applyBorder="1" applyAlignment="1">
      <alignment horizontal="center" vertical="center"/>
    </xf>
    <xf numFmtId="0" fontId="9" fillId="0" borderId="25" xfId="0" applyFont="1" applyFill="1" applyBorder="1" applyAlignment="1">
      <alignment horizontal="center" vertical="center"/>
    </xf>
    <xf numFmtId="176" fontId="9" fillId="0" borderId="36" xfId="0" applyNumberFormat="1" applyFont="1" applyFill="1" applyBorder="1" applyAlignment="1">
      <alignment horizontal="right" vertical="center"/>
    </xf>
    <xf numFmtId="57" fontId="14" fillId="0" borderId="19" xfId="0" applyNumberFormat="1" applyFont="1" applyFill="1" applyBorder="1" applyAlignment="1">
      <alignment horizontal="center" vertical="center" wrapText="1"/>
    </xf>
    <xf numFmtId="57" fontId="14" fillId="0" borderId="31" xfId="0" applyNumberFormat="1" applyFont="1" applyFill="1" applyBorder="1" applyAlignment="1">
      <alignment horizontal="center" vertical="center" wrapText="1"/>
    </xf>
    <xf numFmtId="57" fontId="9" fillId="0" borderId="20" xfId="0" applyNumberFormat="1" applyFont="1" applyFill="1" applyBorder="1" applyAlignment="1">
      <alignment horizontal="center" vertical="center" wrapText="1"/>
    </xf>
    <xf numFmtId="57" fontId="10" fillId="0" borderId="19" xfId="0" applyNumberFormat="1" applyFont="1" applyFill="1" applyBorder="1" applyAlignment="1">
      <alignment horizontal="center" vertical="center" wrapText="1"/>
    </xf>
    <xf numFmtId="38" fontId="9" fillId="0" borderId="22" xfId="2" applyFont="1" applyFill="1" applyBorder="1" applyAlignment="1">
      <alignment horizontal="right" vertical="center"/>
    </xf>
    <xf numFmtId="176" fontId="9" fillId="0" borderId="0" xfId="0" applyNumberFormat="1" applyFont="1" applyFill="1" applyBorder="1">
      <alignment vertical="center"/>
    </xf>
    <xf numFmtId="0" fontId="9" fillId="0" borderId="122" xfId="0" applyFont="1" applyFill="1" applyBorder="1" applyAlignment="1">
      <alignment horizontal="center" vertical="center"/>
    </xf>
    <xf numFmtId="38" fontId="9" fillId="0" borderId="92" xfId="2" applyFont="1" applyFill="1" applyBorder="1" applyAlignment="1">
      <alignment horizontal="right" vertical="center"/>
    </xf>
    <xf numFmtId="38" fontId="9" fillId="0" borderId="14" xfId="2" applyFont="1" applyFill="1" applyBorder="1" applyAlignment="1">
      <alignment horizontal="right" vertical="center"/>
    </xf>
    <xf numFmtId="38" fontId="9" fillId="0" borderId="42" xfId="0" applyNumberFormat="1" applyFont="1" applyFill="1" applyBorder="1">
      <alignment vertical="center"/>
    </xf>
    <xf numFmtId="38" fontId="9" fillId="0" borderId="45" xfId="0" applyNumberFormat="1" applyFont="1" applyFill="1" applyBorder="1">
      <alignment vertical="center"/>
    </xf>
    <xf numFmtId="38" fontId="9" fillId="0" borderId="4" xfId="0" applyNumberFormat="1" applyFont="1" applyFill="1" applyBorder="1">
      <alignment vertical="center"/>
    </xf>
    <xf numFmtId="38" fontId="9" fillId="0" borderId="1" xfId="0" applyNumberFormat="1" applyFont="1" applyFill="1" applyBorder="1">
      <alignment vertical="center"/>
    </xf>
    <xf numFmtId="38" fontId="9" fillId="0" borderId="7" xfId="0" applyNumberFormat="1" applyFont="1" applyFill="1" applyBorder="1">
      <alignment vertical="center"/>
    </xf>
    <xf numFmtId="38" fontId="9" fillId="0" borderId="17" xfId="2" applyFont="1" applyFill="1" applyBorder="1" applyAlignment="1">
      <alignment horizontal="right" vertical="center"/>
    </xf>
    <xf numFmtId="38" fontId="9" fillId="0" borderId="16" xfId="0" applyNumberFormat="1" applyFont="1" applyFill="1" applyBorder="1">
      <alignment vertical="center"/>
    </xf>
    <xf numFmtId="38" fontId="9" fillId="0" borderId="80" xfId="0" applyNumberFormat="1" applyFont="1" applyFill="1" applyBorder="1">
      <alignment vertical="center"/>
    </xf>
    <xf numFmtId="38" fontId="9" fillId="0" borderId="3" xfId="0" applyNumberFormat="1" applyFont="1" applyFill="1" applyBorder="1">
      <alignment vertical="center"/>
    </xf>
    <xf numFmtId="38" fontId="9" fillId="0" borderId="2" xfId="0" applyNumberFormat="1" applyFont="1" applyFill="1" applyBorder="1">
      <alignment vertical="center"/>
    </xf>
    <xf numFmtId="38" fontId="9" fillId="0" borderId="8" xfId="0" applyNumberFormat="1" applyFont="1" applyFill="1" applyBorder="1">
      <alignment vertical="center"/>
    </xf>
    <xf numFmtId="38" fontId="9" fillId="0" borderId="55" xfId="2" applyFont="1" applyFill="1" applyBorder="1" applyAlignment="1">
      <alignment horizontal="right" vertical="center"/>
    </xf>
    <xf numFmtId="38" fontId="9" fillId="0" borderId="19" xfId="0" applyNumberFormat="1" applyFont="1" applyFill="1" applyBorder="1">
      <alignment vertical="center"/>
    </xf>
    <xf numFmtId="38" fontId="9" fillId="0" borderId="46" xfId="0" applyNumberFormat="1" applyFont="1" applyFill="1" applyBorder="1">
      <alignment vertical="center"/>
    </xf>
    <xf numFmtId="38" fontId="9" fillId="0" borderId="56" xfId="0" applyNumberFormat="1" applyFont="1" applyFill="1" applyBorder="1">
      <alignment vertical="center"/>
    </xf>
    <xf numFmtId="38" fontId="9" fillId="0" borderId="31" xfId="0" applyNumberFormat="1" applyFont="1" applyFill="1" applyBorder="1">
      <alignment vertical="center"/>
    </xf>
    <xf numFmtId="38" fontId="9" fillId="0" borderId="43" xfId="0" applyNumberFormat="1" applyFont="1" applyFill="1" applyBorder="1">
      <alignment vertical="center"/>
    </xf>
    <xf numFmtId="38" fontId="9" fillId="0" borderId="52" xfId="0" applyNumberFormat="1" applyFont="1" applyFill="1" applyBorder="1">
      <alignment vertical="center"/>
    </xf>
    <xf numFmtId="0" fontId="9" fillId="0" borderId="4" xfId="0" applyFont="1" applyFill="1" applyBorder="1" applyAlignment="1">
      <alignment horizontal="right" vertical="center"/>
    </xf>
    <xf numFmtId="38" fontId="9" fillId="0" borderId="53" xfId="0" applyNumberFormat="1" applyFont="1" applyFill="1" applyBorder="1">
      <alignment vertical="center"/>
    </xf>
    <xf numFmtId="0" fontId="9" fillId="0" borderId="3" xfId="0" applyFont="1" applyFill="1" applyBorder="1" applyAlignment="1">
      <alignment horizontal="right" vertical="center"/>
    </xf>
    <xf numFmtId="0" fontId="9" fillId="0" borderId="6" xfId="0" applyFont="1" applyFill="1" applyBorder="1" applyAlignment="1">
      <alignment horizontal="right" vertical="center"/>
    </xf>
    <xf numFmtId="0" fontId="9" fillId="0" borderId="13" xfId="0" applyFont="1" applyFill="1" applyBorder="1" applyAlignment="1">
      <alignment horizontal="right" vertical="center"/>
    </xf>
    <xf numFmtId="0" fontId="9" fillId="0" borderId="7" xfId="0" applyFont="1" applyFill="1" applyBorder="1" applyAlignment="1">
      <alignment horizontal="right" vertical="center" wrapText="1"/>
    </xf>
    <xf numFmtId="0" fontId="9" fillId="0" borderId="1" xfId="0" applyFont="1" applyFill="1" applyBorder="1" applyAlignment="1">
      <alignment horizontal="right" vertical="center" wrapText="1"/>
    </xf>
    <xf numFmtId="0" fontId="9" fillId="0" borderId="4" xfId="0" applyFont="1" applyFill="1" applyBorder="1" applyAlignment="1">
      <alignment horizontal="right" vertical="center" wrapText="1"/>
    </xf>
    <xf numFmtId="0" fontId="9" fillId="0" borderId="16" xfId="0" applyFont="1" applyFill="1" applyBorder="1" applyAlignment="1">
      <alignment horizontal="right" vertical="center"/>
    </xf>
    <xf numFmtId="0" fontId="9" fillId="0" borderId="8" xfId="9" applyFont="1" applyFill="1" applyBorder="1" applyAlignment="1">
      <alignment horizontal="right" vertical="center"/>
    </xf>
    <xf numFmtId="0" fontId="9" fillId="0" borderId="2" xfId="9" applyFont="1" applyFill="1" applyBorder="1" applyAlignment="1">
      <alignment horizontal="right" vertical="center"/>
    </xf>
    <xf numFmtId="0" fontId="9" fillId="0" borderId="3" xfId="9" applyFont="1" applyFill="1" applyBorder="1" applyAlignment="1">
      <alignment horizontal="right" vertical="center"/>
    </xf>
    <xf numFmtId="0" fontId="9" fillId="0" borderId="2" xfId="9" applyFont="1" applyFill="1" applyBorder="1" applyAlignment="1">
      <alignment horizontal="right" vertical="center" wrapText="1"/>
    </xf>
    <xf numFmtId="0" fontId="9" fillId="0" borderId="92" xfId="0" applyFont="1" applyFill="1" applyBorder="1" applyAlignment="1">
      <alignment horizontal="right" vertical="center"/>
    </xf>
    <xf numFmtId="0" fontId="9" fillId="0" borderId="9" xfId="9" applyFont="1" applyFill="1" applyBorder="1" applyAlignment="1">
      <alignment horizontal="right" vertical="center"/>
    </xf>
    <xf numFmtId="0" fontId="9" fillId="0" borderId="5" xfId="9" applyFont="1" applyFill="1" applyBorder="1" applyAlignment="1">
      <alignment horizontal="right" vertical="center"/>
    </xf>
    <xf numFmtId="0" fontId="9" fillId="0" borderId="6" xfId="9" applyFont="1" applyFill="1" applyBorder="1" applyAlignment="1">
      <alignment horizontal="right" vertical="center"/>
    </xf>
    <xf numFmtId="0" fontId="9" fillId="0" borderId="19" xfId="0" applyFont="1" applyFill="1" applyBorder="1" applyAlignment="1">
      <alignment horizontal="right" vertical="center"/>
    </xf>
    <xf numFmtId="0" fontId="9" fillId="0" borderId="43" xfId="9" applyFont="1" applyFill="1" applyBorder="1" applyAlignment="1">
      <alignment horizontal="right" vertical="center"/>
    </xf>
    <xf numFmtId="0" fontId="9" fillId="0" borderId="31" xfId="9" applyFont="1" applyFill="1" applyBorder="1" applyAlignment="1">
      <alignment horizontal="right" vertical="center"/>
    </xf>
    <xf numFmtId="0" fontId="9" fillId="0" borderId="56" xfId="9" applyFont="1" applyFill="1" applyBorder="1" applyAlignment="1">
      <alignment horizontal="right" vertical="center"/>
    </xf>
    <xf numFmtId="0" fontId="9" fillId="0" borderId="14" xfId="0" applyFont="1" applyFill="1" applyBorder="1" applyAlignment="1">
      <alignment horizontal="right" vertical="center"/>
    </xf>
    <xf numFmtId="0" fontId="9" fillId="0" borderId="17" xfId="0" applyFont="1" applyFill="1" applyBorder="1" applyAlignment="1">
      <alignment horizontal="right" vertical="center"/>
    </xf>
    <xf numFmtId="0" fontId="9" fillId="0" borderId="20" xfId="0" applyFont="1" applyFill="1" applyBorder="1" applyAlignment="1">
      <alignment horizontal="right" vertical="center"/>
    </xf>
    <xf numFmtId="0" fontId="9" fillId="0" borderId="1" xfId="0" applyFont="1" applyFill="1" applyBorder="1" applyAlignment="1">
      <alignment vertical="center"/>
    </xf>
    <xf numFmtId="0" fontId="9" fillId="0" borderId="1" xfId="0" applyFont="1" applyFill="1" applyBorder="1" applyAlignment="1">
      <alignment horizontal="right" vertical="center"/>
    </xf>
    <xf numFmtId="0" fontId="9" fillId="0" borderId="2" xfId="0" applyFont="1" applyFill="1" applyBorder="1" applyAlignment="1">
      <alignment vertical="center"/>
    </xf>
    <xf numFmtId="0" fontId="9" fillId="0" borderId="17" xfId="0" applyFont="1" applyFill="1" applyBorder="1" applyAlignment="1">
      <alignment vertical="center"/>
    </xf>
    <xf numFmtId="0" fontId="9" fillId="0" borderId="2" xfId="0" applyFont="1" applyFill="1" applyBorder="1" applyAlignment="1">
      <alignment horizontal="right" vertical="center"/>
    </xf>
    <xf numFmtId="0" fontId="9" fillId="0" borderId="31" xfId="0" applyFont="1" applyFill="1" applyBorder="1" applyAlignment="1">
      <alignment vertical="center"/>
    </xf>
    <xf numFmtId="0" fontId="9" fillId="0" borderId="20" xfId="0" applyFont="1" applyFill="1" applyBorder="1" applyAlignment="1">
      <alignment vertical="center"/>
    </xf>
    <xf numFmtId="0" fontId="9" fillId="0" borderId="31" xfId="0" applyFont="1" applyFill="1" applyBorder="1" applyAlignment="1">
      <alignment horizontal="right" vertical="center"/>
    </xf>
    <xf numFmtId="0" fontId="9" fillId="0" borderId="1" xfId="0" applyNumberFormat="1" applyFont="1" applyFill="1" applyBorder="1" applyAlignment="1">
      <alignment horizontal="right" vertical="center"/>
    </xf>
    <xf numFmtId="0" fontId="9" fillId="0" borderId="14" xfId="0" applyNumberFormat="1" applyFont="1" applyFill="1" applyBorder="1" applyAlignment="1">
      <alignment horizontal="right" vertical="center"/>
    </xf>
    <xf numFmtId="0" fontId="9" fillId="0" borderId="2" xfId="0" applyNumberFormat="1" applyFont="1" applyFill="1" applyBorder="1" applyAlignment="1">
      <alignment horizontal="right" vertical="center"/>
    </xf>
    <xf numFmtId="0" fontId="9" fillId="0" borderId="17" xfId="0" applyNumberFormat="1" applyFont="1" applyFill="1" applyBorder="1" applyAlignment="1">
      <alignment horizontal="right" vertical="center"/>
    </xf>
    <xf numFmtId="0" fontId="9" fillId="0" borderId="5" xfId="0" applyNumberFormat="1" applyFont="1" applyFill="1" applyBorder="1" applyAlignment="1">
      <alignment horizontal="right" vertical="center"/>
    </xf>
    <xf numFmtId="0" fontId="9" fillId="0" borderId="55" xfId="0" applyNumberFormat="1" applyFont="1" applyFill="1" applyBorder="1" applyAlignment="1">
      <alignment horizontal="right" vertical="center"/>
    </xf>
    <xf numFmtId="0" fontId="9" fillId="0" borderId="15" xfId="0" applyFont="1" applyFill="1" applyBorder="1" applyAlignment="1">
      <alignment horizontal="right" vertical="center"/>
    </xf>
    <xf numFmtId="38" fontId="9" fillId="0" borderId="7" xfId="2" applyFont="1" applyFill="1" applyBorder="1">
      <alignment vertical="center"/>
    </xf>
    <xf numFmtId="38" fontId="9" fillId="0" borderId="8" xfId="2" applyFont="1" applyFill="1" applyBorder="1">
      <alignment vertical="center"/>
    </xf>
    <xf numFmtId="0" fontId="9" fillId="0" borderId="21" xfId="0" applyFont="1" applyFill="1" applyBorder="1" applyAlignment="1">
      <alignment horizontal="right" vertical="center"/>
    </xf>
    <xf numFmtId="38" fontId="9" fillId="0" borderId="43" xfId="2" applyFont="1" applyFill="1" applyBorder="1">
      <alignment vertical="center"/>
    </xf>
    <xf numFmtId="0" fontId="9" fillId="0" borderId="13" xfId="1" applyFont="1" applyFill="1" applyBorder="1" applyAlignment="1">
      <alignment horizontal="right" vertical="center"/>
    </xf>
    <xf numFmtId="0" fontId="9" fillId="0" borderId="4" xfId="1" applyFont="1" applyFill="1" applyBorder="1" applyAlignment="1">
      <alignment vertical="center"/>
    </xf>
    <xf numFmtId="0" fontId="9" fillId="0" borderId="7" xfId="1" applyFont="1" applyFill="1" applyBorder="1" applyAlignment="1">
      <alignment vertical="center" wrapText="1"/>
    </xf>
    <xf numFmtId="0" fontId="9" fillId="0" borderId="47" xfId="1" applyFont="1" applyFill="1" applyBorder="1" applyAlignment="1">
      <alignment vertical="center" wrapText="1"/>
    </xf>
    <xf numFmtId="0" fontId="9" fillId="0" borderId="45" xfId="1" applyFont="1" applyFill="1" applyBorder="1" applyAlignment="1">
      <alignment vertical="center" wrapText="1"/>
    </xf>
    <xf numFmtId="0" fontId="9" fillId="0" borderId="14" xfId="1" applyFont="1" applyFill="1" applyBorder="1" applyAlignment="1">
      <alignment horizontal="right" vertical="center"/>
    </xf>
    <xf numFmtId="0" fontId="9" fillId="0" borderId="107" xfId="1" applyFont="1" applyFill="1" applyBorder="1" applyAlignment="1">
      <alignment horizontal="right" vertical="center"/>
    </xf>
    <xf numFmtId="0" fontId="9" fillId="0" borderId="38" xfId="1" applyFont="1" applyFill="1" applyBorder="1" applyAlignment="1">
      <alignment horizontal="right" vertical="center"/>
    </xf>
    <xf numFmtId="0" fontId="9" fillId="0" borderId="14" xfId="1" applyFont="1" applyFill="1" applyBorder="1" applyAlignment="1">
      <alignment horizontal="right" vertical="center" wrapText="1"/>
    </xf>
    <xf numFmtId="0" fontId="9" fillId="0" borderId="16" xfId="1" applyFont="1" applyFill="1" applyBorder="1" applyAlignment="1">
      <alignment horizontal="right" vertical="center"/>
    </xf>
    <xf numFmtId="0" fontId="9" fillId="0" borderId="3" xfId="1" applyFont="1" applyFill="1" applyBorder="1" applyAlignment="1">
      <alignment vertical="center"/>
    </xf>
    <xf numFmtId="0" fontId="9" fillId="0" borderId="8" xfId="1" applyFont="1" applyFill="1" applyBorder="1" applyAlignment="1">
      <alignment vertical="center" wrapText="1"/>
    </xf>
    <xf numFmtId="0" fontId="9" fillId="0" borderId="3" xfId="1" applyFont="1" applyFill="1" applyBorder="1" applyAlignment="1">
      <alignment vertical="center" wrapText="1"/>
    </xf>
    <xf numFmtId="0" fontId="9" fillId="0" borderId="17" xfId="1" applyFont="1" applyFill="1" applyBorder="1" applyAlignment="1">
      <alignment horizontal="right" vertical="center"/>
    </xf>
    <xf numFmtId="0" fontId="9" fillId="0" borderId="2" xfId="1" applyFont="1" applyFill="1" applyBorder="1" applyAlignment="1">
      <alignment horizontal="right" vertical="center"/>
    </xf>
    <xf numFmtId="0" fontId="9" fillId="0" borderId="17" xfId="1" applyFont="1" applyFill="1" applyBorder="1" applyAlignment="1">
      <alignment horizontal="right" vertical="center" wrapText="1"/>
    </xf>
    <xf numFmtId="0" fontId="9" fillId="0" borderId="64" xfId="1" applyFont="1" applyFill="1" applyBorder="1" applyAlignment="1">
      <alignment vertical="center" wrapText="1"/>
    </xf>
    <xf numFmtId="0" fontId="9" fillId="0" borderId="92" xfId="1" applyFont="1" applyFill="1" applyBorder="1" applyAlignment="1">
      <alignment horizontal="right" vertical="center"/>
    </xf>
    <xf numFmtId="0" fontId="9" fillId="0" borderId="31" xfId="1" applyFont="1" applyFill="1" applyBorder="1" applyAlignment="1">
      <alignment vertical="center"/>
    </xf>
    <xf numFmtId="0" fontId="9" fillId="0" borderId="43" xfId="1" applyFont="1" applyFill="1" applyBorder="1" applyAlignment="1">
      <alignment vertical="center" wrapText="1"/>
    </xf>
    <xf numFmtId="0" fontId="9" fillId="0" borderId="56" xfId="1" applyFont="1" applyFill="1" applyBorder="1" applyAlignment="1">
      <alignment vertical="center" wrapText="1"/>
    </xf>
    <xf numFmtId="0" fontId="9" fillId="0" borderId="66" xfId="1" applyFont="1" applyFill="1" applyBorder="1" applyAlignment="1">
      <alignment vertical="center" wrapText="1"/>
    </xf>
    <xf numFmtId="0" fontId="9" fillId="0" borderId="20" xfId="1" applyFont="1" applyFill="1" applyBorder="1" applyAlignment="1">
      <alignment horizontal="right" vertical="center"/>
    </xf>
    <xf numFmtId="0" fontId="9" fillId="0" borderId="108" xfId="1" applyFont="1" applyFill="1" applyBorder="1" applyAlignment="1">
      <alignment horizontal="right" vertical="center"/>
    </xf>
    <xf numFmtId="0" fontId="9" fillId="0" borderId="106" xfId="1" applyFont="1" applyFill="1" applyBorder="1" applyAlignment="1">
      <alignment horizontal="right" vertical="center"/>
    </xf>
    <xf numFmtId="0" fontId="9" fillId="0" borderId="20" xfId="1" applyFont="1" applyFill="1" applyBorder="1" applyAlignment="1">
      <alignment horizontal="right" vertical="center" wrapText="1"/>
    </xf>
    <xf numFmtId="0" fontId="9" fillId="0" borderId="4" xfId="1" applyFont="1" applyFill="1" applyBorder="1" applyAlignment="1">
      <alignment horizontal="right" vertical="center"/>
    </xf>
    <xf numFmtId="0" fontId="9" fillId="0" borderId="7" xfId="1" applyFont="1" applyFill="1" applyBorder="1" applyAlignment="1">
      <alignment horizontal="right" vertical="center" wrapText="1"/>
    </xf>
    <xf numFmtId="0" fontId="9" fillId="0" borderId="4" xfId="1" applyFont="1" applyFill="1" applyBorder="1" applyAlignment="1">
      <alignment horizontal="right" vertical="center" wrapText="1"/>
    </xf>
    <xf numFmtId="0" fontId="9" fillId="0" borderId="61" xfId="1" applyFont="1" applyFill="1" applyBorder="1" applyAlignment="1">
      <alignment horizontal="right" vertical="center" wrapText="1"/>
    </xf>
    <xf numFmtId="0" fontId="9" fillId="0" borderId="1" xfId="1" applyFont="1" applyFill="1" applyBorder="1" applyAlignment="1">
      <alignment horizontal="right" vertical="center"/>
    </xf>
    <xf numFmtId="0" fontId="9" fillId="0" borderId="47" xfId="1" applyFont="1" applyFill="1" applyBorder="1" applyAlignment="1">
      <alignment horizontal="right" vertical="center"/>
    </xf>
    <xf numFmtId="0" fontId="9" fillId="0" borderId="3" xfId="1" applyFont="1" applyFill="1" applyBorder="1" applyAlignment="1">
      <alignment horizontal="right" vertical="center"/>
    </xf>
    <xf numFmtId="0" fontId="9" fillId="0" borderId="8" xfId="1" applyFont="1" applyFill="1" applyBorder="1" applyAlignment="1">
      <alignment horizontal="right" vertical="center" wrapText="1"/>
    </xf>
    <xf numFmtId="0" fontId="9" fillId="0" borderId="3" xfId="1" applyFont="1" applyFill="1" applyBorder="1" applyAlignment="1">
      <alignment horizontal="right" vertical="center" wrapText="1"/>
    </xf>
    <xf numFmtId="0" fontId="9" fillId="0" borderId="64" xfId="1" applyFont="1" applyFill="1" applyBorder="1" applyAlignment="1">
      <alignment horizontal="right" vertical="center" wrapText="1"/>
    </xf>
    <xf numFmtId="0" fontId="9" fillId="0" borderId="2" xfId="1" applyFont="1" applyFill="1" applyBorder="1" applyAlignment="1">
      <alignment horizontal="right" vertical="center" wrapText="1"/>
    </xf>
    <xf numFmtId="0" fontId="9" fillId="0" borderId="80" xfId="1" applyFont="1" applyFill="1" applyBorder="1" applyAlignment="1">
      <alignment horizontal="right" vertical="center" wrapText="1"/>
    </xf>
    <xf numFmtId="0" fontId="9" fillId="0" borderId="8" xfId="1" applyFont="1" applyFill="1" applyBorder="1" applyAlignment="1">
      <alignment horizontal="right" vertical="center"/>
    </xf>
    <xf numFmtId="0" fontId="9" fillId="0" borderId="19" xfId="1" applyFont="1" applyFill="1" applyBorder="1" applyAlignment="1">
      <alignment horizontal="right" vertical="center"/>
    </xf>
    <xf numFmtId="0" fontId="9" fillId="0" borderId="31" xfId="1" applyFont="1" applyFill="1" applyBorder="1" applyAlignment="1">
      <alignment horizontal="right" vertical="center"/>
    </xf>
    <xf numFmtId="0" fontId="9" fillId="0" borderId="43" xfId="1" applyFont="1" applyFill="1" applyBorder="1" applyAlignment="1">
      <alignment horizontal="right" vertical="center" wrapText="1"/>
    </xf>
    <xf numFmtId="0" fontId="9" fillId="0" borderId="31" xfId="1" applyFont="1" applyFill="1" applyBorder="1" applyAlignment="1">
      <alignment horizontal="right" vertical="center" wrapText="1"/>
    </xf>
    <xf numFmtId="0" fontId="9" fillId="0" borderId="77" xfId="1" applyFont="1" applyFill="1" applyBorder="1" applyAlignment="1">
      <alignment horizontal="right" vertical="center" wrapText="1"/>
    </xf>
    <xf numFmtId="0" fontId="9" fillId="0" borderId="15" xfId="0" applyFont="1" applyFill="1" applyBorder="1" applyAlignment="1">
      <alignment vertical="center"/>
    </xf>
    <xf numFmtId="0" fontId="9" fillId="0" borderId="18" xfId="0" applyFont="1" applyFill="1" applyBorder="1" applyAlignment="1">
      <alignment vertical="center"/>
    </xf>
    <xf numFmtId="0" fontId="9" fillId="0" borderId="21" xfId="0" applyFont="1" applyFill="1" applyBorder="1" applyAlignment="1">
      <alignment vertical="center"/>
    </xf>
    <xf numFmtId="0" fontId="9" fillId="0" borderId="29" xfId="0" applyFont="1" applyFill="1" applyBorder="1" applyAlignment="1">
      <alignment horizontal="center" vertical="center"/>
    </xf>
    <xf numFmtId="0" fontId="9" fillId="0" borderId="30" xfId="0" applyFont="1" applyFill="1" applyBorder="1" applyAlignment="1">
      <alignment horizontal="center" vertical="center"/>
    </xf>
    <xf numFmtId="0" fontId="9" fillId="0" borderId="26" xfId="0" applyFont="1" applyFill="1" applyBorder="1" applyAlignment="1">
      <alignment horizontal="center" vertical="center"/>
    </xf>
    <xf numFmtId="0" fontId="9" fillId="0" borderId="27" xfId="0" applyFont="1" applyFill="1" applyBorder="1" applyAlignment="1">
      <alignment horizontal="center" vertical="center"/>
    </xf>
    <xf numFmtId="0" fontId="9" fillId="0" borderId="28" xfId="0" applyFont="1" applyFill="1" applyBorder="1" applyAlignment="1">
      <alignment horizontal="center" vertical="center"/>
    </xf>
    <xf numFmtId="178" fontId="9" fillId="0" borderId="123" xfId="2" applyNumberFormat="1" applyFont="1" applyFill="1" applyBorder="1" applyAlignment="1">
      <alignment horizontal="center" vertical="center" wrapText="1"/>
    </xf>
    <xf numFmtId="178" fontId="9" fillId="0" borderId="124" xfId="2" applyNumberFormat="1" applyFont="1" applyFill="1" applyBorder="1" applyAlignment="1">
      <alignment horizontal="center" vertical="center" wrapText="1"/>
    </xf>
    <xf numFmtId="178" fontId="9" fillId="0" borderId="109" xfId="2" applyNumberFormat="1" applyFont="1" applyFill="1" applyBorder="1" applyAlignment="1">
      <alignment horizontal="center" vertical="center"/>
    </xf>
    <xf numFmtId="178" fontId="9" fillId="0" borderId="106" xfId="2" applyNumberFormat="1" applyFont="1" applyFill="1" applyBorder="1" applyAlignment="1">
      <alignment horizontal="center" vertical="center"/>
    </xf>
    <xf numFmtId="178" fontId="9" fillId="0" borderId="102" xfId="2" applyNumberFormat="1" applyFont="1" applyFill="1" applyBorder="1" applyAlignment="1">
      <alignment horizontal="center" vertical="center"/>
    </xf>
    <xf numFmtId="178" fontId="9" fillId="0" borderId="104" xfId="2" applyNumberFormat="1" applyFont="1" applyFill="1" applyBorder="1" applyAlignment="1">
      <alignment horizontal="center" vertical="center"/>
    </xf>
    <xf numFmtId="178" fontId="9" fillId="0" borderId="29" xfId="2" applyNumberFormat="1" applyFont="1" applyFill="1" applyBorder="1" applyAlignment="1">
      <alignment horizontal="center" vertical="center"/>
    </xf>
    <xf numFmtId="178" fontId="9" fillId="0" borderId="30" xfId="2" applyNumberFormat="1" applyFont="1" applyFill="1" applyBorder="1" applyAlignment="1">
      <alignment horizontal="center" vertical="center"/>
    </xf>
    <xf numFmtId="178" fontId="9" fillId="0" borderId="39" xfId="2" applyNumberFormat="1" applyFont="1" applyFill="1" applyBorder="1" applyAlignment="1">
      <alignment horizontal="center" vertical="center"/>
    </xf>
    <xf numFmtId="178" fontId="9" fillId="0" borderId="40" xfId="2" applyNumberFormat="1" applyFont="1" applyFill="1" applyBorder="1" applyAlignment="1">
      <alignment horizontal="center" vertical="center"/>
    </xf>
    <xf numFmtId="178" fontId="9" fillId="0" borderId="69" xfId="2" applyNumberFormat="1" applyFont="1" applyFill="1" applyBorder="1" applyAlignment="1">
      <alignment horizontal="center" vertical="center"/>
    </xf>
    <xf numFmtId="178" fontId="9" fillId="0" borderId="40" xfId="2" applyNumberFormat="1" applyFont="1" applyFill="1" applyBorder="1" applyAlignment="1">
      <alignment horizontal="center" vertical="center" wrapText="1"/>
    </xf>
    <xf numFmtId="178" fontId="9" fillId="0" borderId="31" xfId="2" applyNumberFormat="1" applyFont="1" applyFill="1" applyBorder="1" applyAlignment="1">
      <alignment horizontal="center" vertical="center" wrapText="1"/>
    </xf>
    <xf numFmtId="178" fontId="9" fillId="0" borderId="95" xfId="2" applyNumberFormat="1" applyFont="1" applyFill="1" applyBorder="1" applyAlignment="1">
      <alignment horizontal="center" vertical="center" wrapText="1"/>
    </xf>
    <xf numFmtId="178" fontId="9" fillId="0" borderId="112" xfId="2" applyNumberFormat="1" applyFont="1" applyFill="1" applyBorder="1" applyAlignment="1">
      <alignment horizontal="center" vertical="center"/>
    </xf>
    <xf numFmtId="0" fontId="9" fillId="0" borderId="39" xfId="0" applyFont="1" applyFill="1" applyBorder="1" applyAlignment="1">
      <alignment horizontal="center" vertical="center"/>
    </xf>
    <xf numFmtId="0" fontId="9" fillId="0" borderId="40" xfId="0" applyFont="1" applyFill="1" applyBorder="1" applyAlignment="1">
      <alignment horizontal="center" vertical="center"/>
    </xf>
    <xf numFmtId="0" fontId="9" fillId="0" borderId="41" xfId="0" applyFont="1" applyFill="1" applyBorder="1" applyAlignment="1">
      <alignment horizontal="center" vertical="center"/>
    </xf>
    <xf numFmtId="0" fontId="9" fillId="0" borderId="54" xfId="6" applyFont="1" applyFill="1" applyBorder="1" applyAlignment="1">
      <alignment horizontal="center" vertical="center"/>
    </xf>
    <xf numFmtId="0" fontId="9" fillId="0" borderId="67" xfId="6" applyFont="1" applyFill="1" applyBorder="1" applyAlignment="1">
      <alignment horizontal="center" vertical="center"/>
    </xf>
    <xf numFmtId="0" fontId="9" fillId="0" borderId="57" xfId="6" applyFont="1" applyFill="1" applyBorder="1" applyAlignment="1">
      <alignment horizontal="center" vertical="center"/>
    </xf>
    <xf numFmtId="0" fontId="9" fillId="0" borderId="100" xfId="6" applyFont="1" applyFill="1" applyBorder="1" applyAlignment="1">
      <alignment horizontal="center" vertical="center"/>
    </xf>
    <xf numFmtId="0" fontId="9" fillId="0" borderId="53" xfId="6" applyFont="1" applyFill="1" applyBorder="1" applyAlignment="1">
      <alignment horizontal="center" vertical="center"/>
    </xf>
    <xf numFmtId="0" fontId="9" fillId="0" borderId="65" xfId="6" applyFont="1" applyFill="1" applyBorder="1" applyAlignment="1">
      <alignment horizontal="center" vertical="center"/>
    </xf>
    <xf numFmtId="0" fontId="9" fillId="0" borderId="82" xfId="6" applyFont="1" applyFill="1" applyBorder="1" applyAlignment="1">
      <alignment horizontal="center" vertical="center"/>
    </xf>
    <xf numFmtId="0" fontId="9" fillId="0" borderId="94" xfId="6" applyFont="1" applyFill="1" applyBorder="1" applyAlignment="1">
      <alignment horizontal="center" vertical="center"/>
    </xf>
    <xf numFmtId="0" fontId="9" fillId="0" borderId="71" xfId="6" applyFont="1" applyFill="1" applyBorder="1" applyAlignment="1">
      <alignment horizontal="center" vertical="center"/>
    </xf>
    <xf numFmtId="0" fontId="9" fillId="0" borderId="96" xfId="6" applyFont="1" applyFill="1" applyBorder="1" applyAlignment="1">
      <alignment horizontal="center" vertical="center"/>
    </xf>
    <xf numFmtId="0" fontId="9" fillId="0" borderId="79" xfId="6" applyFont="1" applyFill="1" applyBorder="1" applyAlignment="1">
      <alignment horizontal="center" vertical="center"/>
    </xf>
    <xf numFmtId="0" fontId="9" fillId="0" borderId="84" xfId="6" applyFont="1" applyFill="1" applyBorder="1" applyAlignment="1">
      <alignment horizontal="center" vertical="center"/>
    </xf>
    <xf numFmtId="0" fontId="9" fillId="0" borderId="102" xfId="6" applyFont="1" applyFill="1" applyBorder="1" applyAlignment="1">
      <alignment horizontal="center" vertical="center"/>
    </xf>
    <xf numFmtId="0" fontId="9" fillId="0" borderId="103" xfId="6" applyFont="1" applyFill="1" applyBorder="1" applyAlignment="1">
      <alignment horizontal="center" vertical="center"/>
    </xf>
    <xf numFmtId="0" fontId="9" fillId="0" borderId="104" xfId="6" applyFont="1" applyFill="1" applyBorder="1" applyAlignment="1">
      <alignment horizontal="center" vertical="center"/>
    </xf>
    <xf numFmtId="0" fontId="9" fillId="0" borderId="105" xfId="6" applyFont="1" applyFill="1" applyBorder="1" applyAlignment="1">
      <alignment horizontal="center" vertical="center"/>
    </xf>
    <xf numFmtId="0" fontId="9" fillId="0" borderId="99" xfId="6" applyFont="1" applyFill="1" applyBorder="1" applyAlignment="1">
      <alignment horizontal="center" vertical="center"/>
    </xf>
    <xf numFmtId="0" fontId="9" fillId="0" borderId="16" xfId="0" applyFont="1" applyFill="1" applyBorder="1" applyAlignment="1">
      <alignment horizontal="center" vertical="center"/>
    </xf>
    <xf numFmtId="0" fontId="9" fillId="0" borderId="2" xfId="0" applyFont="1" applyFill="1" applyBorder="1" applyAlignment="1">
      <alignment horizontal="center" vertical="center"/>
    </xf>
    <xf numFmtId="0" fontId="9" fillId="0" borderId="17" xfId="0" applyFont="1" applyFill="1" applyBorder="1" applyAlignment="1">
      <alignment horizontal="center" vertical="center"/>
    </xf>
    <xf numFmtId="57" fontId="9" fillId="0" borderId="39" xfId="6" applyNumberFormat="1" applyFont="1" applyFill="1" applyBorder="1" applyAlignment="1">
      <alignment horizontal="center" vertical="center" wrapText="1"/>
    </xf>
    <xf numFmtId="57" fontId="9" fillId="0" borderId="40" xfId="6" applyNumberFormat="1" applyFont="1" applyFill="1" applyBorder="1" applyAlignment="1">
      <alignment horizontal="center" vertical="center" wrapText="1"/>
    </xf>
    <xf numFmtId="57" fontId="9" fillId="0" borderId="41" xfId="6" applyNumberFormat="1" applyFont="1" applyFill="1" applyBorder="1" applyAlignment="1">
      <alignment horizontal="center" vertical="center" wrapText="1"/>
    </xf>
    <xf numFmtId="0" fontId="9" fillId="0" borderId="52" xfId="0" applyFont="1" applyFill="1" applyBorder="1" applyAlignment="1">
      <alignment horizontal="center" vertical="center"/>
    </xf>
    <xf numFmtId="0" fontId="9" fillId="0" borderId="62" xfId="0" applyFont="1" applyFill="1" applyBorder="1" applyAlignment="1">
      <alignment horizontal="center" vertical="center"/>
    </xf>
    <xf numFmtId="0" fontId="9" fillId="0" borderId="53" xfId="0" applyFont="1" applyFill="1" applyBorder="1" applyAlignment="1">
      <alignment horizontal="center" vertical="center"/>
    </xf>
    <xf numFmtId="0" fontId="9" fillId="0" borderId="65" xfId="0" applyFont="1" applyFill="1" applyBorder="1" applyAlignment="1">
      <alignment horizontal="center" vertical="center"/>
    </xf>
    <xf numFmtId="0" fontId="9" fillId="0" borderId="54" xfId="0" applyFont="1" applyFill="1" applyBorder="1" applyAlignment="1">
      <alignment horizontal="center" vertical="center"/>
    </xf>
    <xf numFmtId="0" fontId="9" fillId="0" borderId="67" xfId="0" applyFont="1" applyFill="1" applyBorder="1" applyAlignment="1">
      <alignment horizontal="center" vertical="center"/>
    </xf>
    <xf numFmtId="0" fontId="9" fillId="0" borderId="57" xfId="0" applyFont="1" applyFill="1" applyBorder="1" applyAlignment="1">
      <alignment horizontal="center" vertical="center"/>
    </xf>
    <xf numFmtId="0" fontId="9" fillId="0" borderId="100" xfId="0" applyFont="1" applyFill="1" applyBorder="1" applyAlignment="1">
      <alignment horizontal="center" vertical="center"/>
    </xf>
    <xf numFmtId="0" fontId="9" fillId="0" borderId="102" xfId="0" applyFont="1" applyFill="1" applyBorder="1" applyAlignment="1">
      <alignment horizontal="center" vertical="center"/>
    </xf>
    <xf numFmtId="0" fontId="9" fillId="0" borderId="103" xfId="0" applyFont="1" applyFill="1" applyBorder="1" applyAlignment="1">
      <alignment horizontal="center" vertical="center"/>
    </xf>
    <xf numFmtId="0" fontId="9" fillId="0" borderId="71" xfId="0" applyFont="1" applyFill="1" applyBorder="1" applyAlignment="1">
      <alignment horizontal="center" vertical="center"/>
    </xf>
    <xf numFmtId="0" fontId="9" fillId="0" borderId="96" xfId="0" applyFont="1" applyFill="1" applyBorder="1" applyAlignment="1">
      <alignment horizontal="center" vertical="center"/>
    </xf>
    <xf numFmtId="0" fontId="9" fillId="0" borderId="104" xfId="0" applyFont="1" applyFill="1" applyBorder="1" applyAlignment="1">
      <alignment horizontal="center" vertical="center"/>
    </xf>
    <xf numFmtId="0" fontId="9" fillId="0" borderId="105" xfId="0" applyFont="1" applyFill="1" applyBorder="1" applyAlignment="1">
      <alignment horizontal="center" vertical="center"/>
    </xf>
    <xf numFmtId="0" fontId="9" fillId="0" borderId="99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center" vertical="center"/>
    </xf>
    <xf numFmtId="57" fontId="9" fillId="0" borderId="26" xfId="6" applyNumberFormat="1" applyFont="1" applyFill="1" applyBorder="1" applyAlignment="1">
      <alignment horizontal="center" vertical="center" wrapText="1"/>
    </xf>
    <xf numFmtId="57" fontId="9" fillId="0" borderId="27" xfId="6" applyNumberFormat="1" applyFont="1" applyFill="1" applyBorder="1" applyAlignment="1">
      <alignment horizontal="center" vertical="center" wrapText="1"/>
    </xf>
    <xf numFmtId="57" fontId="9" fillId="0" borderId="28" xfId="6" applyNumberFormat="1" applyFont="1" applyFill="1" applyBorder="1" applyAlignment="1">
      <alignment horizontal="center" vertical="center" wrapText="1"/>
    </xf>
    <xf numFmtId="0" fontId="9" fillId="0" borderId="29" xfId="9" applyFont="1" applyFill="1" applyBorder="1" applyAlignment="1">
      <alignment horizontal="center" vertical="center" wrapText="1"/>
    </xf>
    <xf numFmtId="0" fontId="9" fillId="0" borderId="30" xfId="9" applyFont="1" applyFill="1" applyBorder="1" applyAlignment="1">
      <alignment horizontal="center" vertical="center" wrapText="1"/>
    </xf>
    <xf numFmtId="0" fontId="9" fillId="0" borderId="26" xfId="9" applyFont="1" applyFill="1" applyBorder="1" applyAlignment="1">
      <alignment horizontal="center" vertical="center" wrapText="1"/>
    </xf>
    <xf numFmtId="0" fontId="9" fillId="0" borderId="27" xfId="9" applyFont="1" applyFill="1" applyBorder="1" applyAlignment="1">
      <alignment horizontal="center" vertical="center" wrapText="1"/>
    </xf>
    <xf numFmtId="0" fontId="9" fillId="0" borderId="28" xfId="9" applyFont="1" applyFill="1" applyBorder="1" applyAlignment="1">
      <alignment horizontal="center" vertical="center" wrapText="1"/>
    </xf>
    <xf numFmtId="0" fontId="9" fillId="0" borderId="74" xfId="0" applyFont="1" applyFill="1" applyBorder="1" applyAlignment="1">
      <alignment horizontal="center" vertical="center"/>
    </xf>
    <xf numFmtId="0" fontId="9" fillId="0" borderId="34" xfId="0" applyFont="1" applyFill="1" applyBorder="1" applyAlignment="1">
      <alignment horizontal="center" vertical="center"/>
    </xf>
    <xf numFmtId="0" fontId="9" fillId="0" borderId="102" xfId="9" applyFont="1" applyFill="1" applyBorder="1" applyAlignment="1">
      <alignment horizontal="center" vertical="center" wrapText="1"/>
    </xf>
    <xf numFmtId="0" fontId="9" fillId="0" borderId="99" xfId="9" applyFont="1" applyFill="1" applyBorder="1" applyAlignment="1">
      <alignment horizontal="center" vertical="center" wrapText="1"/>
    </xf>
    <xf numFmtId="0" fontId="9" fillId="0" borderId="104" xfId="9" applyFont="1" applyFill="1" applyBorder="1" applyAlignment="1">
      <alignment horizontal="center" vertical="center" wrapText="1"/>
    </xf>
    <xf numFmtId="0" fontId="9" fillId="0" borderId="114" xfId="9" applyFont="1" applyFill="1" applyBorder="1" applyAlignment="1">
      <alignment horizontal="center" vertical="center" wrapText="1"/>
    </xf>
    <xf numFmtId="0" fontId="9" fillId="0" borderId="10" xfId="0" applyFont="1" applyFill="1" applyBorder="1" applyAlignment="1">
      <alignment horizontal="center" vertical="center"/>
    </xf>
    <xf numFmtId="0" fontId="9" fillId="0" borderId="50" xfId="0" applyFont="1" applyFill="1" applyBorder="1" applyAlignment="1">
      <alignment horizontal="center" vertical="center"/>
    </xf>
    <xf numFmtId="0" fontId="9" fillId="0" borderId="13" xfId="0" applyFont="1" applyFill="1" applyBorder="1" applyAlignment="1">
      <alignment horizontal="center" vertical="center"/>
    </xf>
    <xf numFmtId="0" fontId="9" fillId="0" borderId="1" xfId="0" applyFont="1" applyFill="1" applyBorder="1" applyAlignment="1">
      <alignment horizontal="center" vertical="center"/>
    </xf>
    <xf numFmtId="0" fontId="9" fillId="0" borderId="8" xfId="0" applyFont="1" applyFill="1" applyBorder="1" applyAlignment="1">
      <alignment horizontal="center" vertical="center"/>
    </xf>
    <xf numFmtId="0" fontId="9" fillId="0" borderId="57" xfId="9" applyFont="1" applyFill="1" applyBorder="1" applyAlignment="1">
      <alignment horizontal="center" vertical="center" wrapText="1"/>
    </xf>
    <xf numFmtId="0" fontId="9" fillId="0" borderId="100" xfId="9" applyFont="1" applyFill="1" applyBorder="1" applyAlignment="1">
      <alignment horizontal="center" vertical="center" wrapText="1"/>
    </xf>
    <xf numFmtId="0" fontId="9" fillId="0" borderId="53" xfId="9" applyFont="1" applyFill="1" applyBorder="1" applyAlignment="1">
      <alignment horizontal="center" vertical="center" wrapText="1"/>
    </xf>
    <xf numFmtId="0" fontId="9" fillId="0" borderId="65" xfId="9" applyFont="1" applyFill="1" applyBorder="1" applyAlignment="1">
      <alignment horizontal="center" vertical="center" wrapText="1"/>
    </xf>
    <xf numFmtId="0" fontId="9" fillId="0" borderId="54" xfId="9" applyFont="1" applyFill="1" applyBorder="1" applyAlignment="1">
      <alignment horizontal="center" vertical="center" wrapText="1"/>
    </xf>
    <xf numFmtId="0" fontId="9" fillId="0" borderId="67" xfId="9" applyFont="1" applyFill="1" applyBorder="1" applyAlignment="1">
      <alignment horizontal="center" vertical="center" wrapText="1"/>
    </xf>
    <xf numFmtId="0" fontId="13" fillId="0" borderId="52" xfId="9" applyFont="1" applyFill="1" applyBorder="1" applyAlignment="1">
      <alignment horizontal="center" vertical="center" wrapText="1"/>
    </xf>
    <xf numFmtId="0" fontId="13" fillId="0" borderId="62" xfId="9" applyFont="1" applyFill="1" applyBorder="1" applyAlignment="1">
      <alignment horizontal="center" vertical="center" wrapText="1"/>
    </xf>
    <xf numFmtId="0" fontId="9" fillId="0" borderId="92" xfId="0" applyNumberFormat="1" applyFont="1" applyFill="1" applyBorder="1" applyAlignment="1">
      <alignment horizontal="center" vertical="center"/>
    </xf>
    <xf numFmtId="0" fontId="9" fillId="0" borderId="13" xfId="0" applyNumberFormat="1" applyFont="1" applyFill="1" applyBorder="1" applyAlignment="1">
      <alignment horizontal="center" vertical="center"/>
    </xf>
    <xf numFmtId="0" fontId="9" fillId="0" borderId="93" xfId="0" applyNumberFormat="1" applyFont="1" applyFill="1" applyBorder="1" applyAlignment="1">
      <alignment horizontal="center" vertical="center"/>
    </xf>
    <xf numFmtId="0" fontId="9" fillId="0" borderId="121" xfId="0" applyNumberFormat="1" applyFont="1" applyFill="1" applyBorder="1" applyAlignment="1">
      <alignment horizontal="center" vertical="center"/>
    </xf>
    <xf numFmtId="176" fontId="9" fillId="0" borderId="3" xfId="3" applyNumberFormat="1" applyFont="1" applyFill="1" applyBorder="1" applyAlignment="1">
      <alignment horizontal="center" vertical="center"/>
    </xf>
    <xf numFmtId="176" fontId="9" fillId="0" borderId="8" xfId="3" applyNumberFormat="1" applyFont="1" applyFill="1" applyBorder="1" applyAlignment="1">
      <alignment horizontal="center" vertical="center"/>
    </xf>
    <xf numFmtId="0" fontId="9" fillId="0" borderId="29" xfId="0" applyFont="1" applyFill="1" applyBorder="1" applyAlignment="1">
      <alignment horizontal="center" vertical="center" wrapText="1"/>
    </xf>
    <xf numFmtId="0" fontId="9" fillId="0" borderId="30" xfId="0" applyFont="1" applyFill="1" applyBorder="1" applyAlignment="1">
      <alignment horizontal="center" vertical="center" wrapText="1"/>
    </xf>
    <xf numFmtId="0" fontId="9" fillId="0" borderId="68" xfId="0" applyFont="1" applyFill="1" applyBorder="1" applyAlignment="1">
      <alignment horizontal="center" vertical="center"/>
    </xf>
    <xf numFmtId="0" fontId="9" fillId="0" borderId="69" xfId="0" applyFont="1" applyFill="1" applyBorder="1" applyAlignment="1">
      <alignment horizontal="center" vertical="center"/>
    </xf>
    <xf numFmtId="0" fontId="9" fillId="0" borderId="0" xfId="1" applyFont="1" applyFill="1" applyAlignment="1">
      <alignment horizontal="left" vertical="center" wrapText="1"/>
    </xf>
    <xf numFmtId="0" fontId="9" fillId="0" borderId="0" xfId="1" applyFont="1" applyFill="1" applyAlignment="1">
      <alignment horizontal="left" vertical="center"/>
    </xf>
    <xf numFmtId="0" fontId="9" fillId="0" borderId="118" xfId="1" applyFont="1" applyFill="1" applyBorder="1" applyAlignment="1">
      <alignment horizontal="left" vertical="center"/>
    </xf>
  </cellXfs>
  <cellStyles count="10">
    <cellStyle name="スタイル 1" xfId="4"/>
    <cellStyle name="スタイル 2" xfId="5"/>
    <cellStyle name="パーセント" xfId="3" builtinId="5"/>
    <cellStyle name="パーセント 2" xfId="7"/>
    <cellStyle name="桁区切り" xfId="2" builtinId="6"/>
    <cellStyle name="標準" xfId="0" builtinId="0"/>
    <cellStyle name="標準 2" xfId="1"/>
    <cellStyle name="標準 2 2" xfId="6"/>
    <cellStyle name="標準 2 2 2" xfId="8"/>
    <cellStyle name="標準_課程別離職状況２" xfId="9"/>
  </cellStyles>
  <dxfs count="1">
    <dxf>
      <fill>
        <patternFill>
          <bgColor theme="2"/>
        </patternFill>
      </fill>
    </dxf>
  </dxfs>
  <tableStyles count="1" defaultTableStyle="TableStyleMedium2" defaultPivotStyle="PivotStyleLight16">
    <tableStyle name="テーブル スタイル 1" pivot="0" count="1">
      <tableStyleElement type="totalRow" dxfId="0"/>
    </tableStyle>
  </tableStyles>
  <colors>
    <mruColors>
      <color rgb="FFFFCCCC"/>
      <color rgb="FFFFCCFF"/>
      <color rgb="FF00CC99"/>
      <color rgb="FFFFCC99"/>
      <color rgb="FFDAA6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37"/>
  <sheetViews>
    <sheetView tabSelected="1" showWhiteSpace="0" view="pageBreakPreview" zoomScale="80" zoomScaleNormal="100" zoomScaleSheetLayoutView="80" zoomScalePageLayoutView="50" workbookViewId="0"/>
  </sheetViews>
  <sheetFormatPr defaultColWidth="14.59765625" defaultRowHeight="20.100000000000001" customHeight="1" x14ac:dyDescent="0.2"/>
  <cols>
    <col min="1" max="1" width="3.8984375" style="7" customWidth="1"/>
    <col min="2" max="2" width="14.59765625" style="90"/>
    <col min="3" max="16384" width="14.59765625" style="7"/>
  </cols>
  <sheetData>
    <row r="1" spans="1:17" ht="20.100000000000001" customHeight="1" x14ac:dyDescent="0.2">
      <c r="A1" s="310" t="s">
        <v>241</v>
      </c>
      <c r="B1" s="311" t="s">
        <v>242</v>
      </c>
    </row>
    <row r="2" spans="1:17" ht="20.100000000000001" customHeight="1" x14ac:dyDescent="0.2">
      <c r="B2" s="311" t="s">
        <v>237</v>
      </c>
    </row>
    <row r="3" spans="1:17" ht="20.100000000000001" customHeight="1" x14ac:dyDescent="0.2">
      <c r="B3" s="311" t="s">
        <v>236</v>
      </c>
      <c r="E3" s="312" t="s">
        <v>213</v>
      </c>
      <c r="F3" s="313"/>
      <c r="G3" s="314"/>
      <c r="J3" s="315"/>
    </row>
    <row r="4" spans="1:17" ht="20.100000000000001" customHeight="1" x14ac:dyDescent="0.2">
      <c r="B4" s="316"/>
      <c r="C4" s="90"/>
      <c r="D4" s="90"/>
      <c r="E4" s="312" t="s">
        <v>102</v>
      </c>
      <c r="F4" s="312" t="s">
        <v>281</v>
      </c>
      <c r="G4" s="314"/>
    </row>
    <row r="5" spans="1:17" ht="20.100000000000001" customHeight="1" thickBot="1" x14ac:dyDescent="0.25">
      <c r="B5" s="99" t="s">
        <v>81</v>
      </c>
      <c r="E5" s="312" t="s">
        <v>95</v>
      </c>
      <c r="F5" s="312" t="s">
        <v>298</v>
      </c>
      <c r="G5" s="314"/>
    </row>
    <row r="6" spans="1:17" ht="20.100000000000001" customHeight="1" x14ac:dyDescent="0.2">
      <c r="B6" s="518" t="s">
        <v>8</v>
      </c>
      <c r="C6" s="520" t="s">
        <v>13</v>
      </c>
      <c r="D6" s="521"/>
      <c r="E6" s="521"/>
      <c r="F6" s="521"/>
      <c r="G6" s="522"/>
      <c r="H6" s="520" t="s">
        <v>14</v>
      </c>
      <c r="I6" s="521"/>
      <c r="J6" s="521"/>
      <c r="K6" s="521"/>
      <c r="L6" s="522"/>
      <c r="M6" s="520" t="s">
        <v>15</v>
      </c>
      <c r="N6" s="521"/>
      <c r="O6" s="521"/>
      <c r="P6" s="521"/>
      <c r="Q6" s="522"/>
    </row>
    <row r="7" spans="1:17" ht="20.100000000000001" customHeight="1" thickBot="1" x14ac:dyDescent="0.25">
      <c r="B7" s="519"/>
      <c r="C7" s="211" t="s">
        <v>282</v>
      </c>
      <c r="D7" s="212" t="s">
        <v>280</v>
      </c>
      <c r="E7" s="212" t="s">
        <v>189</v>
      </c>
      <c r="F7" s="212" t="s">
        <v>243</v>
      </c>
      <c r="G7" s="213" t="s">
        <v>212</v>
      </c>
      <c r="H7" s="211" t="s">
        <v>282</v>
      </c>
      <c r="I7" s="212" t="s">
        <v>280</v>
      </c>
      <c r="J7" s="212" t="s">
        <v>189</v>
      </c>
      <c r="K7" s="212" t="s">
        <v>243</v>
      </c>
      <c r="L7" s="213" t="s">
        <v>212</v>
      </c>
      <c r="M7" s="211" t="s">
        <v>282</v>
      </c>
      <c r="N7" s="212" t="s">
        <v>280</v>
      </c>
      <c r="O7" s="212" t="s">
        <v>189</v>
      </c>
      <c r="P7" s="212" t="s">
        <v>243</v>
      </c>
      <c r="Q7" s="213" t="s">
        <v>212</v>
      </c>
    </row>
    <row r="8" spans="1:17" ht="20.100000000000001" customHeight="1" thickTop="1" x14ac:dyDescent="0.2">
      <c r="B8" s="215" t="s">
        <v>97</v>
      </c>
      <c r="C8" s="317">
        <v>2485</v>
      </c>
      <c r="D8" s="318">
        <v>2423</v>
      </c>
      <c r="E8" s="319">
        <v>2454</v>
      </c>
      <c r="F8" s="318">
        <v>356</v>
      </c>
      <c r="G8" s="204">
        <v>0.14506927465362673</v>
      </c>
      <c r="H8" s="317">
        <v>1806</v>
      </c>
      <c r="I8" s="318">
        <v>1740</v>
      </c>
      <c r="J8" s="319">
        <v>1773</v>
      </c>
      <c r="K8" s="318">
        <v>244</v>
      </c>
      <c r="L8" s="204">
        <v>0.13761985335589397</v>
      </c>
      <c r="M8" s="317">
        <v>679</v>
      </c>
      <c r="N8" s="318">
        <v>683</v>
      </c>
      <c r="O8" s="319">
        <v>681</v>
      </c>
      <c r="P8" s="318">
        <v>112</v>
      </c>
      <c r="Q8" s="257">
        <v>0.1644640234948605</v>
      </c>
    </row>
    <row r="9" spans="1:17" ht="20.100000000000001" customHeight="1" x14ac:dyDescent="0.2">
      <c r="B9" s="216" t="s">
        <v>98</v>
      </c>
      <c r="C9" s="320">
        <v>6192</v>
      </c>
      <c r="D9" s="321">
        <v>6032</v>
      </c>
      <c r="E9" s="319">
        <v>6112</v>
      </c>
      <c r="F9" s="318">
        <v>964</v>
      </c>
      <c r="G9" s="204">
        <v>0.15772251308900523</v>
      </c>
      <c r="H9" s="320">
        <v>4838</v>
      </c>
      <c r="I9" s="321">
        <v>4670</v>
      </c>
      <c r="J9" s="319">
        <v>4754</v>
      </c>
      <c r="K9" s="321">
        <v>724</v>
      </c>
      <c r="L9" s="204">
        <v>0.15229280605805637</v>
      </c>
      <c r="M9" s="320">
        <v>1354</v>
      </c>
      <c r="N9" s="321">
        <v>1362</v>
      </c>
      <c r="O9" s="319">
        <v>1358</v>
      </c>
      <c r="P9" s="321">
        <v>240</v>
      </c>
      <c r="Q9" s="175">
        <v>0.17673048600883653</v>
      </c>
    </row>
    <row r="10" spans="1:17" ht="20.100000000000001" customHeight="1" x14ac:dyDescent="0.2">
      <c r="B10" s="216" t="s">
        <v>99</v>
      </c>
      <c r="C10" s="320">
        <v>6006</v>
      </c>
      <c r="D10" s="321">
        <v>5659</v>
      </c>
      <c r="E10" s="319">
        <v>5832.5</v>
      </c>
      <c r="F10" s="318">
        <v>1046</v>
      </c>
      <c r="G10" s="204">
        <v>0.1793399057008144</v>
      </c>
      <c r="H10" s="320">
        <v>5202</v>
      </c>
      <c r="I10" s="321">
        <v>4858</v>
      </c>
      <c r="J10" s="319">
        <v>5030</v>
      </c>
      <c r="K10" s="321">
        <v>877</v>
      </c>
      <c r="L10" s="204">
        <v>0.17435387673956262</v>
      </c>
      <c r="M10" s="320">
        <v>804</v>
      </c>
      <c r="N10" s="321">
        <v>801</v>
      </c>
      <c r="O10" s="319">
        <v>802.5</v>
      </c>
      <c r="P10" s="321">
        <v>169</v>
      </c>
      <c r="Q10" s="175">
        <v>0.21059190031152647</v>
      </c>
    </row>
    <row r="11" spans="1:17" ht="20.100000000000001" customHeight="1" x14ac:dyDescent="0.2">
      <c r="B11" s="216" t="s">
        <v>100</v>
      </c>
      <c r="C11" s="320">
        <v>6977</v>
      </c>
      <c r="D11" s="321">
        <v>6630</v>
      </c>
      <c r="E11" s="319">
        <v>6803.5</v>
      </c>
      <c r="F11" s="318">
        <v>1016</v>
      </c>
      <c r="G11" s="204">
        <v>0.14933490115381789</v>
      </c>
      <c r="H11" s="320">
        <v>6223</v>
      </c>
      <c r="I11" s="321">
        <v>5886</v>
      </c>
      <c r="J11" s="319">
        <v>6054.5</v>
      </c>
      <c r="K11" s="321">
        <v>861</v>
      </c>
      <c r="L11" s="204">
        <v>0.14220827483689819</v>
      </c>
      <c r="M11" s="320">
        <v>754</v>
      </c>
      <c r="N11" s="321">
        <v>744</v>
      </c>
      <c r="O11" s="319">
        <v>749</v>
      </c>
      <c r="P11" s="321">
        <v>155</v>
      </c>
      <c r="Q11" s="175">
        <v>0.20694259012016022</v>
      </c>
    </row>
    <row r="12" spans="1:17" ht="20.100000000000001" customHeight="1" x14ac:dyDescent="0.2">
      <c r="B12" s="216" t="s">
        <v>101</v>
      </c>
      <c r="C12" s="320">
        <v>6658</v>
      </c>
      <c r="D12" s="321">
        <v>6285</v>
      </c>
      <c r="E12" s="319">
        <v>6471.5</v>
      </c>
      <c r="F12" s="318">
        <v>863</v>
      </c>
      <c r="G12" s="204">
        <v>0.13335393649076721</v>
      </c>
      <c r="H12" s="320">
        <v>6049</v>
      </c>
      <c r="I12" s="321">
        <v>5662</v>
      </c>
      <c r="J12" s="319">
        <v>5855.5</v>
      </c>
      <c r="K12" s="321">
        <v>781</v>
      </c>
      <c r="L12" s="204">
        <v>0.13337887456237726</v>
      </c>
      <c r="M12" s="320">
        <v>609</v>
      </c>
      <c r="N12" s="321">
        <v>623</v>
      </c>
      <c r="O12" s="319">
        <v>616</v>
      </c>
      <c r="P12" s="321">
        <v>82</v>
      </c>
      <c r="Q12" s="175">
        <v>0.13311688311688311</v>
      </c>
    </row>
    <row r="13" spans="1:17" ht="20.100000000000001" customHeight="1" thickBot="1" x14ac:dyDescent="0.25">
      <c r="B13" s="217" t="s">
        <v>11</v>
      </c>
      <c r="C13" s="322">
        <v>16193</v>
      </c>
      <c r="D13" s="323">
        <v>15375</v>
      </c>
      <c r="E13" s="324">
        <v>15784</v>
      </c>
      <c r="F13" s="318">
        <v>2000</v>
      </c>
      <c r="G13" s="184">
        <v>0.12671059300557527</v>
      </c>
      <c r="H13" s="322">
        <v>15547</v>
      </c>
      <c r="I13" s="323">
        <v>14716</v>
      </c>
      <c r="J13" s="324">
        <v>15131.5</v>
      </c>
      <c r="K13" s="323">
        <v>1889</v>
      </c>
      <c r="L13" s="184">
        <v>0.12483891220302019</v>
      </c>
      <c r="M13" s="322">
        <v>646</v>
      </c>
      <c r="N13" s="323">
        <v>659</v>
      </c>
      <c r="O13" s="324">
        <v>652.5</v>
      </c>
      <c r="P13" s="323">
        <v>111</v>
      </c>
      <c r="Q13" s="184">
        <v>0.17011494252873563</v>
      </c>
    </row>
    <row r="14" spans="1:17" ht="20.100000000000001" customHeight="1" thickTop="1" thickBot="1" x14ac:dyDescent="0.25">
      <c r="B14" s="3" t="s">
        <v>16</v>
      </c>
      <c r="C14" s="263">
        <v>44511</v>
      </c>
      <c r="D14" s="264">
        <v>42404</v>
      </c>
      <c r="E14" s="265">
        <v>43457.5</v>
      </c>
      <c r="F14" s="266">
        <v>6245</v>
      </c>
      <c r="G14" s="207">
        <v>0.14370361847782315</v>
      </c>
      <c r="H14" s="263">
        <v>39665</v>
      </c>
      <c r="I14" s="264">
        <v>37532</v>
      </c>
      <c r="J14" s="265">
        <v>38598.5</v>
      </c>
      <c r="K14" s="266">
        <v>5376</v>
      </c>
      <c r="L14" s="207">
        <v>0.13928002383512314</v>
      </c>
      <c r="M14" s="263">
        <v>4846</v>
      </c>
      <c r="N14" s="264">
        <v>4872</v>
      </c>
      <c r="O14" s="265">
        <v>4859</v>
      </c>
      <c r="P14" s="266">
        <v>869</v>
      </c>
      <c r="Q14" s="207">
        <v>0.17884338341222475</v>
      </c>
    </row>
    <row r="16" spans="1:17" ht="20.100000000000001" customHeight="1" thickBot="1" x14ac:dyDescent="0.25">
      <c r="B16" s="99" t="s">
        <v>17</v>
      </c>
    </row>
    <row r="17" spans="2:17" ht="20.100000000000001" customHeight="1" x14ac:dyDescent="0.2">
      <c r="B17" s="518" t="s">
        <v>82</v>
      </c>
      <c r="C17" s="520" t="s">
        <v>13</v>
      </c>
      <c r="D17" s="521"/>
      <c r="E17" s="521"/>
      <c r="F17" s="521"/>
      <c r="G17" s="522"/>
      <c r="H17" s="520" t="s">
        <v>14</v>
      </c>
      <c r="I17" s="521"/>
      <c r="J17" s="521"/>
      <c r="K17" s="521"/>
      <c r="L17" s="522"/>
      <c r="M17" s="520" t="s">
        <v>15</v>
      </c>
      <c r="N17" s="521"/>
      <c r="O17" s="521"/>
      <c r="P17" s="521"/>
      <c r="Q17" s="522"/>
    </row>
    <row r="18" spans="2:17" ht="20.100000000000001" customHeight="1" thickBot="1" x14ac:dyDescent="0.25">
      <c r="B18" s="519"/>
      <c r="C18" s="211" t="s">
        <v>282</v>
      </c>
      <c r="D18" s="212" t="s">
        <v>280</v>
      </c>
      <c r="E18" s="212" t="s">
        <v>189</v>
      </c>
      <c r="F18" s="212" t="s">
        <v>243</v>
      </c>
      <c r="G18" s="213" t="s">
        <v>212</v>
      </c>
      <c r="H18" s="211" t="s">
        <v>282</v>
      </c>
      <c r="I18" s="212" t="s">
        <v>280</v>
      </c>
      <c r="J18" s="212" t="s">
        <v>189</v>
      </c>
      <c r="K18" s="212" t="s">
        <v>243</v>
      </c>
      <c r="L18" s="213" t="s">
        <v>212</v>
      </c>
      <c r="M18" s="211" t="s">
        <v>282</v>
      </c>
      <c r="N18" s="212" t="s">
        <v>280</v>
      </c>
      <c r="O18" s="212" t="s">
        <v>189</v>
      </c>
      <c r="P18" s="212" t="s">
        <v>243</v>
      </c>
      <c r="Q18" s="213" t="s">
        <v>212</v>
      </c>
    </row>
    <row r="19" spans="2:17" ht="20.100000000000001" customHeight="1" thickTop="1" x14ac:dyDescent="0.2">
      <c r="B19" s="215" t="s">
        <v>18</v>
      </c>
      <c r="C19" s="325">
        <v>331</v>
      </c>
      <c r="D19" s="326">
        <v>318</v>
      </c>
      <c r="E19" s="327">
        <v>324.5</v>
      </c>
      <c r="F19" s="328">
        <v>28</v>
      </c>
      <c r="G19" s="204">
        <v>8.6286594761171037E-2</v>
      </c>
      <c r="H19" s="317">
        <v>305</v>
      </c>
      <c r="I19" s="318">
        <v>290</v>
      </c>
      <c r="J19" s="319">
        <v>297.5</v>
      </c>
      <c r="K19" s="318">
        <v>25</v>
      </c>
      <c r="L19" s="204">
        <v>8.4033613445378158E-2</v>
      </c>
      <c r="M19" s="317">
        <v>26</v>
      </c>
      <c r="N19" s="318">
        <v>28</v>
      </c>
      <c r="O19" s="319">
        <v>27</v>
      </c>
      <c r="P19" s="318">
        <v>3</v>
      </c>
      <c r="Q19" s="204">
        <v>0.1111111111111111</v>
      </c>
    </row>
    <row r="20" spans="2:17" ht="20.100000000000001" customHeight="1" x14ac:dyDescent="0.2">
      <c r="B20" s="216" t="s">
        <v>19</v>
      </c>
      <c r="C20" s="317">
        <v>1458</v>
      </c>
      <c r="D20" s="318">
        <v>1395</v>
      </c>
      <c r="E20" s="319">
        <v>1426.5</v>
      </c>
      <c r="F20" s="318">
        <v>169</v>
      </c>
      <c r="G20" s="204">
        <v>0.11847178408692605</v>
      </c>
      <c r="H20" s="320">
        <v>1311</v>
      </c>
      <c r="I20" s="321">
        <v>1249</v>
      </c>
      <c r="J20" s="319">
        <v>1280</v>
      </c>
      <c r="K20" s="321">
        <v>144</v>
      </c>
      <c r="L20" s="204">
        <v>0.1125</v>
      </c>
      <c r="M20" s="320">
        <v>147</v>
      </c>
      <c r="N20" s="321">
        <v>146</v>
      </c>
      <c r="O20" s="319">
        <v>146.5</v>
      </c>
      <c r="P20" s="321">
        <v>25</v>
      </c>
      <c r="Q20" s="204">
        <v>0.17064846416382254</v>
      </c>
    </row>
    <row r="21" spans="2:17" ht="20.100000000000001" customHeight="1" x14ac:dyDescent="0.2">
      <c r="B21" s="216" t="s">
        <v>20</v>
      </c>
      <c r="C21" s="317">
        <v>40928</v>
      </c>
      <c r="D21" s="318">
        <v>38996</v>
      </c>
      <c r="E21" s="319">
        <v>39962</v>
      </c>
      <c r="F21" s="318">
        <v>5810</v>
      </c>
      <c r="G21" s="204">
        <v>0.14538811871277713</v>
      </c>
      <c r="H21" s="320">
        <v>36766</v>
      </c>
      <c r="I21" s="321">
        <v>34789</v>
      </c>
      <c r="J21" s="319">
        <v>35777.5</v>
      </c>
      <c r="K21" s="321">
        <v>5052</v>
      </c>
      <c r="L21" s="204">
        <v>0.14120606526448187</v>
      </c>
      <c r="M21" s="320">
        <v>4162</v>
      </c>
      <c r="N21" s="321">
        <v>4207</v>
      </c>
      <c r="O21" s="319">
        <v>4184.5</v>
      </c>
      <c r="P21" s="321">
        <v>758</v>
      </c>
      <c r="Q21" s="204">
        <v>0.18114470068108496</v>
      </c>
    </row>
    <row r="22" spans="2:17" ht="20.100000000000001" customHeight="1" thickBot="1" x14ac:dyDescent="0.25">
      <c r="B22" s="217" t="s">
        <v>21</v>
      </c>
      <c r="C22" s="322">
        <v>1794</v>
      </c>
      <c r="D22" s="323">
        <v>1695</v>
      </c>
      <c r="E22" s="324">
        <v>1744.5</v>
      </c>
      <c r="F22" s="323">
        <v>238</v>
      </c>
      <c r="G22" s="184">
        <v>0.13642877615362567</v>
      </c>
      <c r="H22" s="322">
        <v>1283</v>
      </c>
      <c r="I22" s="323">
        <v>1204</v>
      </c>
      <c r="J22" s="324">
        <v>1243.5</v>
      </c>
      <c r="K22" s="323">
        <v>155</v>
      </c>
      <c r="L22" s="184">
        <v>0.12464817048652996</v>
      </c>
      <c r="M22" s="322">
        <v>511</v>
      </c>
      <c r="N22" s="323">
        <v>491</v>
      </c>
      <c r="O22" s="324">
        <v>501</v>
      </c>
      <c r="P22" s="323">
        <v>83</v>
      </c>
      <c r="Q22" s="184">
        <v>0.16566866267465069</v>
      </c>
    </row>
    <row r="23" spans="2:17" ht="20.100000000000001" customHeight="1" thickTop="1" thickBot="1" x14ac:dyDescent="0.25">
      <c r="B23" s="3" t="s">
        <v>16</v>
      </c>
      <c r="C23" s="263">
        <v>44511</v>
      </c>
      <c r="D23" s="266">
        <v>42404</v>
      </c>
      <c r="E23" s="265">
        <v>43457.5</v>
      </c>
      <c r="F23" s="266">
        <v>6245</v>
      </c>
      <c r="G23" s="207">
        <v>0.14370361847782315</v>
      </c>
      <c r="H23" s="263">
        <v>39665</v>
      </c>
      <c r="I23" s="264">
        <v>37532</v>
      </c>
      <c r="J23" s="265">
        <v>38598.5</v>
      </c>
      <c r="K23" s="266">
        <v>5376</v>
      </c>
      <c r="L23" s="207">
        <v>0.13928002383512314</v>
      </c>
      <c r="M23" s="263">
        <v>4846</v>
      </c>
      <c r="N23" s="264">
        <v>4872</v>
      </c>
      <c r="O23" s="265">
        <v>4859</v>
      </c>
      <c r="P23" s="266">
        <v>869</v>
      </c>
      <c r="Q23" s="207">
        <v>0.17884338341222475</v>
      </c>
    </row>
    <row r="25" spans="2:17" ht="20.100000000000001" customHeight="1" thickBot="1" x14ac:dyDescent="0.25">
      <c r="B25" s="99" t="s">
        <v>22</v>
      </c>
      <c r="H25" s="316"/>
      <c r="I25" s="316"/>
      <c r="J25" s="316"/>
      <c r="K25" s="316"/>
      <c r="L25" s="316"/>
      <c r="M25" s="316"/>
      <c r="N25" s="316"/>
      <c r="O25" s="316"/>
      <c r="P25" s="316"/>
    </row>
    <row r="26" spans="2:17" ht="20.100000000000001" customHeight="1" x14ac:dyDescent="0.2">
      <c r="B26" s="518" t="s">
        <v>23</v>
      </c>
      <c r="C26" s="520" t="s">
        <v>13</v>
      </c>
      <c r="D26" s="521"/>
      <c r="E26" s="521"/>
      <c r="F26" s="521"/>
      <c r="G26" s="522"/>
      <c r="H26" s="520" t="s">
        <v>14</v>
      </c>
      <c r="I26" s="521"/>
      <c r="J26" s="521"/>
      <c r="K26" s="521"/>
      <c r="L26" s="522"/>
      <c r="M26" s="520" t="s">
        <v>15</v>
      </c>
      <c r="N26" s="521"/>
      <c r="O26" s="521"/>
      <c r="P26" s="521"/>
      <c r="Q26" s="522"/>
    </row>
    <row r="27" spans="2:17" ht="20.100000000000001" customHeight="1" thickBot="1" x14ac:dyDescent="0.25">
      <c r="B27" s="519"/>
      <c r="C27" s="211" t="s">
        <v>282</v>
      </c>
      <c r="D27" s="212" t="s">
        <v>280</v>
      </c>
      <c r="E27" s="212" t="s">
        <v>189</v>
      </c>
      <c r="F27" s="212" t="s">
        <v>243</v>
      </c>
      <c r="G27" s="213" t="s">
        <v>212</v>
      </c>
      <c r="H27" s="211" t="s">
        <v>282</v>
      </c>
      <c r="I27" s="212" t="s">
        <v>280</v>
      </c>
      <c r="J27" s="212" t="s">
        <v>189</v>
      </c>
      <c r="K27" s="212" t="s">
        <v>243</v>
      </c>
      <c r="L27" s="213" t="s">
        <v>212</v>
      </c>
      <c r="M27" s="211" t="s">
        <v>282</v>
      </c>
      <c r="N27" s="212" t="s">
        <v>280</v>
      </c>
      <c r="O27" s="212" t="s">
        <v>189</v>
      </c>
      <c r="P27" s="212" t="s">
        <v>243</v>
      </c>
      <c r="Q27" s="213" t="s">
        <v>212</v>
      </c>
    </row>
    <row r="28" spans="2:17" ht="20.100000000000001" customHeight="1" thickTop="1" x14ac:dyDescent="0.2">
      <c r="B28" s="215" t="s">
        <v>24</v>
      </c>
      <c r="C28" s="317">
        <v>18476</v>
      </c>
      <c r="D28" s="318">
        <v>17493</v>
      </c>
      <c r="E28" s="319">
        <v>17984.5</v>
      </c>
      <c r="F28" s="318">
        <v>2604</v>
      </c>
      <c r="G28" s="204">
        <v>0.14479134810531291</v>
      </c>
      <c r="H28" s="317">
        <v>16854</v>
      </c>
      <c r="I28" s="318">
        <v>15836</v>
      </c>
      <c r="J28" s="319">
        <v>16345</v>
      </c>
      <c r="K28" s="318">
        <v>2307</v>
      </c>
      <c r="L28" s="204">
        <v>0.14114408075864179</v>
      </c>
      <c r="M28" s="317">
        <v>1622</v>
      </c>
      <c r="N28" s="318">
        <v>1657</v>
      </c>
      <c r="O28" s="319">
        <v>1639.5</v>
      </c>
      <c r="P28" s="318">
        <v>297</v>
      </c>
      <c r="Q28" s="204">
        <v>0.18115279048490393</v>
      </c>
    </row>
    <row r="29" spans="2:17" ht="20.100000000000001" customHeight="1" x14ac:dyDescent="0.2">
      <c r="B29" s="216" t="s">
        <v>25</v>
      </c>
      <c r="C29" s="320">
        <v>8238</v>
      </c>
      <c r="D29" s="321">
        <v>7837</v>
      </c>
      <c r="E29" s="319">
        <v>8037.5</v>
      </c>
      <c r="F29" s="321">
        <v>1191</v>
      </c>
      <c r="G29" s="204">
        <v>0.14818040435458787</v>
      </c>
      <c r="H29" s="320">
        <v>7393</v>
      </c>
      <c r="I29" s="321">
        <v>7002</v>
      </c>
      <c r="J29" s="319">
        <v>7197.5</v>
      </c>
      <c r="K29" s="321">
        <v>1022</v>
      </c>
      <c r="L29" s="204">
        <v>0.14199374782910734</v>
      </c>
      <c r="M29" s="320">
        <v>845</v>
      </c>
      <c r="N29" s="321">
        <v>835</v>
      </c>
      <c r="O29" s="319">
        <v>840</v>
      </c>
      <c r="P29" s="321">
        <v>169</v>
      </c>
      <c r="Q29" s="204">
        <v>0.2011904761904762</v>
      </c>
    </row>
    <row r="30" spans="2:17" ht="20.100000000000001" customHeight="1" x14ac:dyDescent="0.2">
      <c r="B30" s="216" t="s">
        <v>26</v>
      </c>
      <c r="C30" s="320">
        <v>3652</v>
      </c>
      <c r="D30" s="321">
        <v>3517</v>
      </c>
      <c r="E30" s="319">
        <v>3584.5</v>
      </c>
      <c r="F30" s="321">
        <v>480</v>
      </c>
      <c r="G30" s="204">
        <v>0.13390988980331986</v>
      </c>
      <c r="H30" s="320">
        <v>3208</v>
      </c>
      <c r="I30" s="321">
        <v>3061</v>
      </c>
      <c r="J30" s="319">
        <v>3134.5</v>
      </c>
      <c r="K30" s="321">
        <v>415</v>
      </c>
      <c r="L30" s="204">
        <v>0.13239751156484289</v>
      </c>
      <c r="M30" s="320">
        <v>444</v>
      </c>
      <c r="N30" s="321">
        <v>456</v>
      </c>
      <c r="O30" s="319">
        <v>450</v>
      </c>
      <c r="P30" s="321">
        <v>65</v>
      </c>
      <c r="Q30" s="204">
        <v>0.14444444444444443</v>
      </c>
    </row>
    <row r="31" spans="2:17" ht="20.100000000000001" customHeight="1" x14ac:dyDescent="0.2">
      <c r="B31" s="216" t="s">
        <v>27</v>
      </c>
      <c r="C31" s="320">
        <v>3036</v>
      </c>
      <c r="D31" s="321">
        <v>2866</v>
      </c>
      <c r="E31" s="319">
        <v>2951</v>
      </c>
      <c r="F31" s="321">
        <v>402</v>
      </c>
      <c r="G31" s="204">
        <v>0.13622500847170452</v>
      </c>
      <c r="H31" s="320">
        <v>2566</v>
      </c>
      <c r="I31" s="321">
        <v>2391</v>
      </c>
      <c r="J31" s="319">
        <v>2478.5</v>
      </c>
      <c r="K31" s="321">
        <v>341</v>
      </c>
      <c r="L31" s="204">
        <v>0.1375832156546298</v>
      </c>
      <c r="M31" s="320">
        <v>470</v>
      </c>
      <c r="N31" s="321">
        <v>475</v>
      </c>
      <c r="O31" s="319">
        <v>472.5</v>
      </c>
      <c r="P31" s="321">
        <v>61</v>
      </c>
      <c r="Q31" s="204">
        <v>0.1291005291005291</v>
      </c>
    </row>
    <row r="32" spans="2:17" ht="20.100000000000001" customHeight="1" x14ac:dyDescent="0.2">
      <c r="B32" s="216" t="s">
        <v>28</v>
      </c>
      <c r="C32" s="320">
        <v>2471</v>
      </c>
      <c r="D32" s="321">
        <v>2300</v>
      </c>
      <c r="E32" s="319">
        <v>2385.5</v>
      </c>
      <c r="F32" s="321">
        <v>383</v>
      </c>
      <c r="G32" s="204">
        <v>0.16055334311465103</v>
      </c>
      <c r="H32" s="320">
        <v>2030</v>
      </c>
      <c r="I32" s="321">
        <v>1870</v>
      </c>
      <c r="J32" s="319">
        <v>1950</v>
      </c>
      <c r="K32" s="321">
        <v>302</v>
      </c>
      <c r="L32" s="204">
        <v>0.15487179487179487</v>
      </c>
      <c r="M32" s="320">
        <v>441</v>
      </c>
      <c r="N32" s="321">
        <v>430</v>
      </c>
      <c r="O32" s="319">
        <v>435.5</v>
      </c>
      <c r="P32" s="321">
        <v>81</v>
      </c>
      <c r="Q32" s="204">
        <v>0.18599311136624569</v>
      </c>
    </row>
    <row r="33" spans="2:17" ht="20.100000000000001" customHeight="1" x14ac:dyDescent="0.2">
      <c r="B33" s="216" t="s">
        <v>29</v>
      </c>
      <c r="C33" s="320">
        <v>3241</v>
      </c>
      <c r="D33" s="321">
        <v>3223</v>
      </c>
      <c r="E33" s="319">
        <v>3232</v>
      </c>
      <c r="F33" s="321">
        <v>389</v>
      </c>
      <c r="G33" s="204">
        <v>0.1203589108910891</v>
      </c>
      <c r="H33" s="320">
        <v>2982</v>
      </c>
      <c r="I33" s="321">
        <v>2959</v>
      </c>
      <c r="J33" s="319">
        <v>2970.5</v>
      </c>
      <c r="K33" s="321">
        <v>353</v>
      </c>
      <c r="L33" s="204">
        <v>0.11883521292711664</v>
      </c>
      <c r="M33" s="320">
        <v>259</v>
      </c>
      <c r="N33" s="321">
        <v>264</v>
      </c>
      <c r="O33" s="319">
        <v>261.5</v>
      </c>
      <c r="P33" s="321">
        <v>36</v>
      </c>
      <c r="Q33" s="204">
        <v>0.13766730401529637</v>
      </c>
    </row>
    <row r="34" spans="2:17" ht="20.100000000000001" customHeight="1" x14ac:dyDescent="0.2">
      <c r="B34" s="216" t="s">
        <v>30</v>
      </c>
      <c r="C34" s="320">
        <v>3779</v>
      </c>
      <c r="D34" s="321">
        <v>3621</v>
      </c>
      <c r="E34" s="319">
        <v>3700</v>
      </c>
      <c r="F34" s="321">
        <v>608</v>
      </c>
      <c r="G34" s="204">
        <v>0.16432432432432431</v>
      </c>
      <c r="H34" s="320">
        <v>3219</v>
      </c>
      <c r="I34" s="321">
        <v>3062</v>
      </c>
      <c r="J34" s="319">
        <v>3140.5</v>
      </c>
      <c r="K34" s="321">
        <v>492</v>
      </c>
      <c r="L34" s="204">
        <v>0.156662951759274</v>
      </c>
      <c r="M34" s="320">
        <v>560</v>
      </c>
      <c r="N34" s="321">
        <v>559</v>
      </c>
      <c r="O34" s="319">
        <v>559.5</v>
      </c>
      <c r="P34" s="321">
        <v>116</v>
      </c>
      <c r="Q34" s="204">
        <v>0.20732797140303844</v>
      </c>
    </row>
    <row r="35" spans="2:17" ht="20.100000000000001" customHeight="1" thickBot="1" x14ac:dyDescent="0.25">
      <c r="B35" s="217" t="s">
        <v>31</v>
      </c>
      <c r="C35" s="317">
        <v>1618</v>
      </c>
      <c r="D35" s="323">
        <v>1547</v>
      </c>
      <c r="E35" s="324">
        <v>1582.5</v>
      </c>
      <c r="F35" s="323">
        <v>188</v>
      </c>
      <c r="G35" s="184">
        <v>0.11879936808846761</v>
      </c>
      <c r="H35" s="322">
        <v>1413</v>
      </c>
      <c r="I35" s="323">
        <v>1351</v>
      </c>
      <c r="J35" s="324">
        <v>1382</v>
      </c>
      <c r="K35" s="323">
        <v>144</v>
      </c>
      <c r="L35" s="184">
        <v>0.10419681620839363</v>
      </c>
      <c r="M35" s="322">
        <v>205</v>
      </c>
      <c r="N35" s="323">
        <v>196</v>
      </c>
      <c r="O35" s="324">
        <v>200.5</v>
      </c>
      <c r="P35" s="323">
        <v>44</v>
      </c>
      <c r="Q35" s="184">
        <v>0.21945137157107231</v>
      </c>
    </row>
    <row r="36" spans="2:17" ht="20.100000000000001" customHeight="1" thickTop="1" thickBot="1" x14ac:dyDescent="0.25">
      <c r="B36" s="3" t="s">
        <v>12</v>
      </c>
      <c r="C36" s="263">
        <v>44511</v>
      </c>
      <c r="D36" s="264">
        <v>42404</v>
      </c>
      <c r="E36" s="265">
        <v>43457.5</v>
      </c>
      <c r="F36" s="266">
        <v>6245</v>
      </c>
      <c r="G36" s="207">
        <v>0.14370361847782315</v>
      </c>
      <c r="H36" s="263">
        <v>39665</v>
      </c>
      <c r="I36" s="264">
        <v>37532</v>
      </c>
      <c r="J36" s="265">
        <v>38598.5</v>
      </c>
      <c r="K36" s="266">
        <v>5376</v>
      </c>
      <c r="L36" s="207">
        <v>0.13928002383512314</v>
      </c>
      <c r="M36" s="263">
        <v>4846</v>
      </c>
      <c r="N36" s="264">
        <v>4872</v>
      </c>
      <c r="O36" s="265">
        <v>4859</v>
      </c>
      <c r="P36" s="266">
        <v>869</v>
      </c>
      <c r="Q36" s="207">
        <v>0.17884338341222475</v>
      </c>
    </row>
    <row r="37" spans="2:17" ht="20.100000000000001" customHeight="1" x14ac:dyDescent="0.2">
      <c r="C37" s="90"/>
      <c r="D37" s="90"/>
      <c r="E37" s="90"/>
      <c r="F37" s="90"/>
      <c r="H37" s="316"/>
      <c r="I37" s="316"/>
      <c r="J37" s="316"/>
      <c r="K37" s="316"/>
      <c r="L37" s="316"/>
      <c r="M37" s="316"/>
      <c r="N37" s="316"/>
      <c r="O37" s="316"/>
      <c r="P37" s="316"/>
    </row>
  </sheetData>
  <mergeCells count="12">
    <mergeCell ref="B26:B27"/>
    <mergeCell ref="C26:G26"/>
    <mergeCell ref="H26:L26"/>
    <mergeCell ref="M26:Q26"/>
    <mergeCell ref="B6:B7"/>
    <mergeCell ref="C6:G6"/>
    <mergeCell ref="H6:L6"/>
    <mergeCell ref="M6:Q6"/>
    <mergeCell ref="B17:B18"/>
    <mergeCell ref="C17:G17"/>
    <mergeCell ref="H17:L17"/>
    <mergeCell ref="M17:Q17"/>
  </mergeCells>
  <phoneticPr fontId="1"/>
  <printOptions horizontalCentered="1"/>
  <pageMargins left="0.23622047244094491" right="0.23622047244094491" top="0.74803149606299213" bottom="0.74803149606299213" header="0.31496062992125984" footer="0.31496062992125984"/>
  <pageSetup paperSize="9" scale="56" orientation="landscape" r:id="rId1"/>
  <headerFooter>
    <oddFooter>&amp;C&amp;P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91"/>
  <sheetViews>
    <sheetView view="pageBreakPreview" zoomScale="80" zoomScaleNormal="80" zoomScaleSheetLayoutView="80" workbookViewId="0">
      <selection activeCell="G59" sqref="G59"/>
    </sheetView>
  </sheetViews>
  <sheetFormatPr defaultColWidth="14.59765625" defaultRowHeight="14.4" x14ac:dyDescent="0.2"/>
  <cols>
    <col min="1" max="5" width="14.59765625" style="7"/>
    <col min="6" max="6" width="6.69921875" style="7" customWidth="1"/>
    <col min="7" max="12" width="14.59765625" style="7"/>
    <col min="13" max="13" width="6.69921875" style="7" customWidth="1"/>
    <col min="14" max="18" width="14.59765625" style="7"/>
    <col min="19" max="19" width="6.59765625" style="7" customWidth="1"/>
    <col min="20" max="16384" width="14.59765625" style="7"/>
  </cols>
  <sheetData>
    <row r="1" spans="1:12" ht="20.100000000000001" customHeight="1" x14ac:dyDescent="0.2">
      <c r="A1" s="51" t="s">
        <v>205</v>
      </c>
    </row>
    <row r="2" spans="1:12" ht="20.100000000000001" customHeight="1" x14ac:dyDescent="0.2">
      <c r="C2" s="90"/>
      <c r="D2" s="90"/>
      <c r="E2" s="90"/>
      <c r="F2" s="90"/>
    </row>
    <row r="3" spans="1:12" ht="20.100000000000001" customHeight="1" thickBot="1" x14ac:dyDescent="0.25">
      <c r="A3" s="7" t="s">
        <v>259</v>
      </c>
      <c r="D3" s="99" t="s">
        <v>249</v>
      </c>
      <c r="E3" s="1"/>
    </row>
    <row r="4" spans="1:12" ht="20.100000000000001" customHeight="1" thickBot="1" x14ac:dyDescent="0.25">
      <c r="A4" s="8" t="s">
        <v>67</v>
      </c>
      <c r="B4" s="100" t="s">
        <v>179</v>
      </c>
      <c r="D4" s="8" t="s">
        <v>175</v>
      </c>
      <c r="E4" s="100" t="s">
        <v>179</v>
      </c>
    </row>
    <row r="5" spans="1:12" ht="20.100000000000001" customHeight="1" thickTop="1" x14ac:dyDescent="0.2">
      <c r="A5" s="286" t="s">
        <v>97</v>
      </c>
      <c r="B5" s="449">
        <v>15</v>
      </c>
      <c r="D5" s="286" t="s">
        <v>40</v>
      </c>
      <c r="E5" s="449">
        <v>56</v>
      </c>
    </row>
    <row r="6" spans="1:12" ht="20.100000000000001" customHeight="1" x14ac:dyDescent="0.2">
      <c r="A6" s="279" t="s">
        <v>98</v>
      </c>
      <c r="B6" s="450">
        <v>45</v>
      </c>
      <c r="D6" s="279" t="s">
        <v>41</v>
      </c>
      <c r="E6" s="450">
        <v>21</v>
      </c>
    </row>
    <row r="7" spans="1:12" ht="20.100000000000001" customHeight="1" x14ac:dyDescent="0.2">
      <c r="A7" s="279" t="s">
        <v>99</v>
      </c>
      <c r="B7" s="450">
        <v>28</v>
      </c>
      <c r="D7" s="279" t="s">
        <v>42</v>
      </c>
      <c r="E7" s="450">
        <v>13</v>
      </c>
    </row>
    <row r="8" spans="1:12" ht="20.100000000000001" customHeight="1" x14ac:dyDescent="0.2">
      <c r="A8" s="279" t="s">
        <v>100</v>
      </c>
      <c r="B8" s="450">
        <v>25</v>
      </c>
      <c r="D8" s="279" t="s">
        <v>43</v>
      </c>
      <c r="E8" s="450">
        <v>13</v>
      </c>
    </row>
    <row r="9" spans="1:12" ht="20.100000000000001" customHeight="1" x14ac:dyDescent="0.2">
      <c r="A9" s="279" t="s">
        <v>101</v>
      </c>
      <c r="B9" s="450">
        <v>16</v>
      </c>
      <c r="D9" s="279" t="s">
        <v>44</v>
      </c>
      <c r="E9" s="450">
        <v>12</v>
      </c>
    </row>
    <row r="10" spans="1:12" ht="20.100000000000001" customHeight="1" thickBot="1" x14ac:dyDescent="0.25">
      <c r="A10" s="18" t="s">
        <v>11</v>
      </c>
      <c r="B10" s="451">
        <v>20</v>
      </c>
      <c r="D10" s="279" t="s">
        <v>45</v>
      </c>
      <c r="E10" s="450">
        <v>9</v>
      </c>
      <c r="J10" s="91"/>
    </row>
    <row r="11" spans="1:12" ht="20.100000000000001" customHeight="1" thickTop="1" thickBot="1" x14ac:dyDescent="0.25">
      <c r="A11" s="93" t="s">
        <v>65</v>
      </c>
      <c r="B11" s="92">
        <v>149</v>
      </c>
      <c r="D11" s="279" t="s">
        <v>46</v>
      </c>
      <c r="E11" s="450">
        <v>15</v>
      </c>
      <c r="J11" s="91"/>
    </row>
    <row r="12" spans="1:12" ht="20.100000000000001" customHeight="1" thickBot="1" x14ac:dyDescent="0.25">
      <c r="A12" s="284"/>
      <c r="B12" s="284"/>
      <c r="D12" s="18" t="s">
        <v>47</v>
      </c>
      <c r="E12" s="451">
        <v>10</v>
      </c>
    </row>
    <row r="13" spans="1:12" ht="20.100000000000001" customHeight="1" thickTop="1" thickBot="1" x14ac:dyDescent="0.25">
      <c r="A13" s="99"/>
      <c r="B13" s="1"/>
      <c r="D13" s="93" t="s">
        <v>65</v>
      </c>
      <c r="E13" s="92">
        <v>149</v>
      </c>
    </row>
    <row r="14" spans="1:12" ht="20.100000000000001" customHeight="1" x14ac:dyDescent="0.2"/>
    <row r="15" spans="1:12" ht="20.100000000000001" customHeight="1" thickBot="1" x14ac:dyDescent="0.25">
      <c r="A15" s="7" t="s">
        <v>260</v>
      </c>
      <c r="D15" s="274" t="s">
        <v>339</v>
      </c>
      <c r="E15" s="99">
        <v>149</v>
      </c>
      <c r="G15" s="7" t="s">
        <v>261</v>
      </c>
      <c r="I15" s="7" t="s">
        <v>300</v>
      </c>
    </row>
    <row r="16" spans="1:12" ht="20.100000000000001" customHeight="1" thickBot="1" x14ac:dyDescent="0.25">
      <c r="A16" s="8" t="s">
        <v>67</v>
      </c>
      <c r="B16" s="101" t="s">
        <v>180</v>
      </c>
      <c r="C16" s="101" t="s">
        <v>181</v>
      </c>
      <c r="D16" s="101" t="s">
        <v>182</v>
      </c>
      <c r="E16" s="102" t="s">
        <v>183</v>
      </c>
      <c r="G16" s="8" t="s">
        <v>67</v>
      </c>
      <c r="H16" s="101" t="s">
        <v>184</v>
      </c>
      <c r="I16" s="101" t="s">
        <v>186</v>
      </c>
      <c r="J16" s="101" t="s">
        <v>187</v>
      </c>
      <c r="K16" s="101" t="s">
        <v>185</v>
      </c>
      <c r="L16" s="100" t="s">
        <v>235</v>
      </c>
    </row>
    <row r="17" spans="1:19" ht="20.100000000000001" customHeight="1" thickTop="1" x14ac:dyDescent="0.2">
      <c r="A17" s="286" t="s">
        <v>97</v>
      </c>
      <c r="B17" s="452">
        <v>8</v>
      </c>
      <c r="C17" s="452">
        <v>7</v>
      </c>
      <c r="D17" s="452">
        <v>0</v>
      </c>
      <c r="E17" s="103">
        <v>0</v>
      </c>
      <c r="G17" s="286" t="s">
        <v>97</v>
      </c>
      <c r="H17" s="453">
        <v>10</v>
      </c>
      <c r="I17" s="453">
        <v>1</v>
      </c>
      <c r="J17" s="453">
        <v>4</v>
      </c>
      <c r="K17" s="453">
        <v>5</v>
      </c>
      <c r="L17" s="449">
        <v>2</v>
      </c>
    </row>
    <row r="18" spans="1:19" ht="20.100000000000001" customHeight="1" x14ac:dyDescent="0.2">
      <c r="A18" s="279" t="s">
        <v>98</v>
      </c>
      <c r="B18" s="454">
        <v>26</v>
      </c>
      <c r="C18" s="454">
        <v>17</v>
      </c>
      <c r="D18" s="454">
        <v>0</v>
      </c>
      <c r="E18" s="455">
        <v>2</v>
      </c>
      <c r="G18" s="279" t="s">
        <v>98</v>
      </c>
      <c r="H18" s="456">
        <v>32</v>
      </c>
      <c r="I18" s="456">
        <v>1</v>
      </c>
      <c r="J18" s="456">
        <v>3</v>
      </c>
      <c r="K18" s="456">
        <v>8</v>
      </c>
      <c r="L18" s="450">
        <v>9</v>
      </c>
    </row>
    <row r="19" spans="1:19" ht="20.100000000000001" customHeight="1" x14ac:dyDescent="0.2">
      <c r="A19" s="279" t="s">
        <v>99</v>
      </c>
      <c r="B19" s="454">
        <v>22</v>
      </c>
      <c r="C19" s="454">
        <v>6</v>
      </c>
      <c r="D19" s="454">
        <v>0</v>
      </c>
      <c r="E19" s="455">
        <v>0</v>
      </c>
      <c r="G19" s="279" t="s">
        <v>99</v>
      </c>
      <c r="H19" s="456">
        <v>23</v>
      </c>
      <c r="I19" s="456">
        <v>0</v>
      </c>
      <c r="J19" s="456">
        <v>3</v>
      </c>
      <c r="K19" s="456">
        <v>2</v>
      </c>
      <c r="L19" s="450">
        <v>3</v>
      </c>
    </row>
    <row r="20" spans="1:19" ht="20.100000000000001" customHeight="1" x14ac:dyDescent="0.2">
      <c r="A20" s="279" t="s">
        <v>100</v>
      </c>
      <c r="B20" s="454">
        <v>15</v>
      </c>
      <c r="C20" s="454">
        <v>10</v>
      </c>
      <c r="D20" s="454">
        <v>0</v>
      </c>
      <c r="E20" s="455">
        <v>0</v>
      </c>
      <c r="G20" s="279" t="s">
        <v>100</v>
      </c>
      <c r="H20" s="456">
        <v>11</v>
      </c>
      <c r="I20" s="456">
        <v>0</v>
      </c>
      <c r="J20" s="456">
        <v>10</v>
      </c>
      <c r="K20" s="456">
        <v>7</v>
      </c>
      <c r="L20" s="450">
        <v>5</v>
      </c>
    </row>
    <row r="21" spans="1:19" ht="20.100000000000001" customHeight="1" x14ac:dyDescent="0.2">
      <c r="A21" s="279" t="s">
        <v>101</v>
      </c>
      <c r="B21" s="454">
        <v>14</v>
      </c>
      <c r="C21" s="454">
        <v>2</v>
      </c>
      <c r="D21" s="454">
        <v>0</v>
      </c>
      <c r="E21" s="455">
        <v>0</v>
      </c>
      <c r="G21" s="279" t="s">
        <v>101</v>
      </c>
      <c r="H21" s="456">
        <v>8</v>
      </c>
      <c r="I21" s="456">
        <v>2</v>
      </c>
      <c r="J21" s="456">
        <v>5</v>
      </c>
      <c r="K21" s="456">
        <v>5</v>
      </c>
      <c r="L21" s="450">
        <v>4</v>
      </c>
    </row>
    <row r="22" spans="1:19" ht="20.100000000000001" customHeight="1" thickBot="1" x14ac:dyDescent="0.25">
      <c r="A22" s="18" t="s">
        <v>11</v>
      </c>
      <c r="B22" s="457">
        <v>19</v>
      </c>
      <c r="C22" s="457">
        <v>1</v>
      </c>
      <c r="D22" s="457">
        <v>0</v>
      </c>
      <c r="E22" s="458">
        <v>0</v>
      </c>
      <c r="G22" s="18" t="s">
        <v>11</v>
      </c>
      <c r="H22" s="459">
        <v>11</v>
      </c>
      <c r="I22" s="459">
        <v>1</v>
      </c>
      <c r="J22" s="459">
        <v>5</v>
      </c>
      <c r="K22" s="459">
        <v>1</v>
      </c>
      <c r="L22" s="451">
        <v>1</v>
      </c>
      <c r="M22" s="91"/>
    </row>
    <row r="23" spans="1:19" ht="20.100000000000001" customHeight="1" thickTop="1" x14ac:dyDescent="0.2">
      <c r="A23" s="104" t="s">
        <v>65</v>
      </c>
      <c r="B23" s="105">
        <v>104</v>
      </c>
      <c r="C23" s="105">
        <v>43</v>
      </c>
      <c r="D23" s="105">
        <v>0</v>
      </c>
      <c r="E23" s="103">
        <v>2</v>
      </c>
      <c r="G23" s="104" t="s">
        <v>65</v>
      </c>
      <c r="H23" s="106">
        <v>95</v>
      </c>
      <c r="I23" s="106">
        <v>5</v>
      </c>
      <c r="J23" s="106">
        <v>30</v>
      </c>
      <c r="K23" s="107">
        <v>28</v>
      </c>
      <c r="L23" s="108">
        <v>24</v>
      </c>
      <c r="M23" s="91"/>
    </row>
    <row r="24" spans="1:19" ht="20.100000000000001" customHeight="1" thickBot="1" x14ac:dyDescent="0.25">
      <c r="A24" s="93" t="s">
        <v>245</v>
      </c>
      <c r="B24" s="109">
        <v>0.69798657718120805</v>
      </c>
      <c r="C24" s="109">
        <v>0.28859060402684567</v>
      </c>
      <c r="D24" s="109">
        <v>0</v>
      </c>
      <c r="E24" s="110">
        <v>1.3422818791946308E-2</v>
      </c>
      <c r="G24" s="93" t="s">
        <v>245</v>
      </c>
      <c r="H24" s="109">
        <v>0.52197802197802201</v>
      </c>
      <c r="I24" s="109">
        <v>2.7472527472527472E-2</v>
      </c>
      <c r="J24" s="109">
        <v>0.16483516483516483</v>
      </c>
      <c r="K24" s="111">
        <v>0.15384615384615385</v>
      </c>
      <c r="L24" s="112">
        <v>0.13186813186813187</v>
      </c>
    </row>
    <row r="25" spans="1:19" ht="20.100000000000001" customHeight="1" x14ac:dyDescent="0.2">
      <c r="G25" s="113"/>
      <c r="H25" s="113"/>
      <c r="I25" s="113"/>
      <c r="J25" s="113"/>
      <c r="K25" s="113"/>
    </row>
    <row r="26" spans="1:19" ht="20.100000000000001" customHeight="1" thickBot="1" x14ac:dyDescent="0.25">
      <c r="A26" s="7" t="s">
        <v>254</v>
      </c>
      <c r="G26" s="114" t="s">
        <v>262</v>
      </c>
      <c r="H26" s="113"/>
      <c r="I26" s="113"/>
      <c r="J26" s="113"/>
      <c r="K26" s="113"/>
    </row>
    <row r="27" spans="1:19" ht="20.100000000000001" customHeight="1" x14ac:dyDescent="0.2">
      <c r="A27" s="42" t="s">
        <v>312</v>
      </c>
      <c r="B27" s="43"/>
      <c r="C27" s="43"/>
      <c r="D27" s="43"/>
      <c r="E27" s="94"/>
      <c r="G27" s="267" t="s">
        <v>316</v>
      </c>
      <c r="H27" s="115"/>
      <c r="I27" s="115"/>
      <c r="J27" s="115"/>
      <c r="K27" s="115"/>
      <c r="L27" s="116"/>
    </row>
    <row r="28" spans="1:19" ht="20.100000000000001" customHeight="1" x14ac:dyDescent="0.2">
      <c r="A28" s="44" t="s">
        <v>311</v>
      </c>
      <c r="B28" s="1"/>
      <c r="C28" s="1"/>
      <c r="D28" s="1"/>
      <c r="E28" s="95"/>
      <c r="G28" s="268" t="s">
        <v>317</v>
      </c>
      <c r="H28" s="113"/>
      <c r="I28" s="113"/>
      <c r="J28" s="113"/>
      <c r="K28" s="113"/>
      <c r="L28" s="117"/>
    </row>
    <row r="29" spans="1:19" ht="20.100000000000001" customHeight="1" x14ac:dyDescent="0.2">
      <c r="A29" s="44" t="s">
        <v>336</v>
      </c>
      <c r="B29" s="1" t="s">
        <v>337</v>
      </c>
      <c r="C29" s="1"/>
      <c r="D29" s="1"/>
      <c r="E29" s="95"/>
      <c r="G29" s="268" t="s">
        <v>318</v>
      </c>
      <c r="H29" s="113"/>
      <c r="I29" s="113"/>
      <c r="J29" s="113"/>
      <c r="K29" s="113"/>
      <c r="L29" s="117"/>
      <c r="S29" s="41"/>
    </row>
    <row r="30" spans="1:19" ht="20.100000000000001" customHeight="1" x14ac:dyDescent="0.2">
      <c r="A30" s="44"/>
      <c r="B30" s="1" t="s">
        <v>338</v>
      </c>
      <c r="C30" s="1"/>
      <c r="D30" s="1"/>
      <c r="E30" s="95"/>
      <c r="G30" s="268" t="s">
        <v>319</v>
      </c>
      <c r="H30" s="113"/>
      <c r="I30" s="113"/>
      <c r="J30" s="113"/>
      <c r="K30" s="113"/>
      <c r="L30" s="117"/>
      <c r="S30" s="41"/>
    </row>
    <row r="31" spans="1:19" ht="20.100000000000001" customHeight="1" thickBot="1" x14ac:dyDescent="0.25">
      <c r="A31" s="96"/>
      <c r="B31" s="97"/>
      <c r="C31" s="97"/>
      <c r="D31" s="97"/>
      <c r="E31" s="98"/>
      <c r="G31" s="268" t="s">
        <v>320</v>
      </c>
      <c r="H31" s="113"/>
      <c r="I31" s="113"/>
      <c r="J31" s="113"/>
      <c r="K31" s="113"/>
      <c r="L31" s="117"/>
      <c r="S31" s="41"/>
    </row>
    <row r="32" spans="1:19" ht="20.100000000000001" customHeight="1" x14ac:dyDescent="0.2">
      <c r="G32" s="268" t="s">
        <v>321</v>
      </c>
      <c r="H32" s="113"/>
      <c r="I32" s="113"/>
      <c r="J32" s="113"/>
      <c r="K32" s="113"/>
      <c r="L32" s="117"/>
      <c r="S32" s="41"/>
    </row>
    <row r="33" spans="1:19" ht="20.100000000000001" customHeight="1" thickBot="1" x14ac:dyDescent="0.25">
      <c r="A33" s="1" t="s">
        <v>314</v>
      </c>
      <c r="B33" s="1"/>
      <c r="C33" s="1"/>
      <c r="D33" s="1"/>
      <c r="E33" s="1"/>
      <c r="G33" s="268" t="s">
        <v>322</v>
      </c>
      <c r="H33" s="113"/>
      <c r="I33" s="113"/>
      <c r="J33" s="113"/>
      <c r="K33" s="113"/>
      <c r="L33" s="117"/>
      <c r="S33" s="41"/>
    </row>
    <row r="34" spans="1:19" ht="20.100000000000001" customHeight="1" x14ac:dyDescent="0.2">
      <c r="A34" s="42" t="s">
        <v>315</v>
      </c>
      <c r="B34" s="43"/>
      <c r="C34" s="43"/>
      <c r="D34" s="43"/>
      <c r="E34" s="94"/>
      <c r="G34" s="268" t="s">
        <v>323</v>
      </c>
      <c r="H34" s="113"/>
      <c r="I34" s="113"/>
      <c r="J34" s="113"/>
      <c r="K34" s="113"/>
      <c r="L34" s="117"/>
      <c r="S34" s="41"/>
    </row>
    <row r="35" spans="1:19" ht="20.100000000000001" customHeight="1" x14ac:dyDescent="0.2">
      <c r="A35" s="44" t="s">
        <v>313</v>
      </c>
      <c r="B35" s="1"/>
      <c r="C35" s="1"/>
      <c r="D35" s="1"/>
      <c r="E35" s="95"/>
      <c r="G35" s="44" t="s">
        <v>324</v>
      </c>
      <c r="H35" s="1"/>
      <c r="I35" s="1"/>
      <c r="J35" s="1"/>
      <c r="K35" s="1"/>
      <c r="L35" s="95"/>
      <c r="S35" s="41"/>
    </row>
    <row r="36" spans="1:19" ht="20.100000000000001" customHeight="1" thickBot="1" x14ac:dyDescent="0.25">
      <c r="A36" s="96"/>
      <c r="B36" s="97"/>
      <c r="C36" s="97"/>
      <c r="D36" s="97"/>
      <c r="E36" s="98"/>
      <c r="G36" s="96" t="s">
        <v>325</v>
      </c>
      <c r="H36" s="97"/>
      <c r="I36" s="97"/>
      <c r="J36" s="97"/>
      <c r="K36" s="97"/>
      <c r="L36" s="98"/>
      <c r="S36" s="41"/>
    </row>
    <row r="37" spans="1:19" ht="20.100000000000001" customHeight="1" x14ac:dyDescent="0.2"/>
    <row r="38" spans="1:19" ht="20.100000000000001" customHeight="1" x14ac:dyDescent="0.2">
      <c r="A38" s="1"/>
      <c r="B38" s="1"/>
      <c r="C38" s="1"/>
      <c r="D38" s="1"/>
      <c r="E38" s="1"/>
    </row>
    <row r="39" spans="1:19" ht="20.100000000000001" customHeight="1" x14ac:dyDescent="0.2">
      <c r="A39" s="1"/>
      <c r="B39" s="1"/>
      <c r="C39" s="1"/>
      <c r="D39" s="1"/>
      <c r="E39" s="1"/>
    </row>
    <row r="40" spans="1:19" ht="20.100000000000001" customHeight="1" x14ac:dyDescent="0.2">
      <c r="A40" s="1"/>
      <c r="B40" s="1"/>
      <c r="C40" s="1"/>
      <c r="D40" s="1"/>
      <c r="E40" s="1"/>
    </row>
    <row r="41" spans="1:19" ht="20.100000000000001" customHeight="1" x14ac:dyDescent="0.2">
      <c r="A41" s="1"/>
      <c r="B41" s="1"/>
      <c r="C41" s="1"/>
      <c r="D41" s="1"/>
      <c r="E41" s="1"/>
    </row>
    <row r="42" spans="1:19" ht="20.100000000000001" customHeight="1" thickBot="1" x14ac:dyDescent="0.25">
      <c r="A42" s="7" t="s">
        <v>223</v>
      </c>
      <c r="D42" s="274" t="s">
        <v>339</v>
      </c>
      <c r="E42" s="99">
        <v>146</v>
      </c>
      <c r="G42" s="7" t="s">
        <v>341</v>
      </c>
      <c r="J42" s="274" t="s">
        <v>339</v>
      </c>
      <c r="K42" s="99">
        <v>145</v>
      </c>
    </row>
    <row r="43" spans="1:19" s="124" customFormat="1" ht="20.100000000000001" customHeight="1" thickBot="1" x14ac:dyDescent="0.25">
      <c r="A43" s="119" t="s">
        <v>67</v>
      </c>
      <c r="B43" s="120" t="s">
        <v>225</v>
      </c>
      <c r="C43" s="121" t="s">
        <v>226</v>
      </c>
      <c r="D43" s="122" t="s">
        <v>227</v>
      </c>
      <c r="E43" s="123" t="s">
        <v>228</v>
      </c>
      <c r="G43" s="119" t="s">
        <v>67</v>
      </c>
      <c r="H43" s="120" t="s">
        <v>225</v>
      </c>
      <c r="I43" s="121" t="s">
        <v>226</v>
      </c>
      <c r="J43" s="122" t="s">
        <v>227</v>
      </c>
      <c r="K43" s="123" t="s">
        <v>228</v>
      </c>
    </row>
    <row r="44" spans="1:19" s="124" customFormat="1" ht="19.5" customHeight="1" thickTop="1" x14ac:dyDescent="0.2">
      <c r="A44" s="610" t="s">
        <v>97</v>
      </c>
      <c r="B44" s="460">
        <v>11</v>
      </c>
      <c r="C44" s="460">
        <v>3</v>
      </c>
      <c r="D44" s="460">
        <v>1</v>
      </c>
      <c r="E44" s="461">
        <v>0</v>
      </c>
      <c r="G44" s="610" t="s">
        <v>97</v>
      </c>
      <c r="H44" s="460">
        <v>11</v>
      </c>
      <c r="I44" s="460">
        <v>4</v>
      </c>
      <c r="J44" s="460">
        <v>0</v>
      </c>
      <c r="K44" s="461">
        <v>0</v>
      </c>
    </row>
    <row r="45" spans="1:19" s="124" customFormat="1" ht="19.5" customHeight="1" x14ac:dyDescent="0.2">
      <c r="A45" s="608"/>
      <c r="B45" s="611">
        <v>0.93333333333333335</v>
      </c>
      <c r="C45" s="612"/>
      <c r="D45" s="611">
        <v>6.6666666666666666E-2</v>
      </c>
      <c r="E45" s="612"/>
      <c r="G45" s="608"/>
      <c r="H45" s="611">
        <v>1</v>
      </c>
      <c r="I45" s="612"/>
      <c r="J45" s="611">
        <v>0</v>
      </c>
      <c r="K45" s="612"/>
    </row>
    <row r="46" spans="1:19" s="124" customFormat="1" ht="19.5" customHeight="1" x14ac:dyDescent="0.2">
      <c r="A46" s="607" t="s">
        <v>98</v>
      </c>
      <c r="B46" s="462">
        <v>23</v>
      </c>
      <c r="C46" s="462">
        <v>20</v>
      </c>
      <c r="D46" s="462">
        <v>0</v>
      </c>
      <c r="E46" s="463">
        <v>1</v>
      </c>
      <c r="G46" s="607" t="s">
        <v>98</v>
      </c>
      <c r="H46" s="462">
        <v>21</v>
      </c>
      <c r="I46" s="462">
        <v>19</v>
      </c>
      <c r="J46" s="462">
        <v>3</v>
      </c>
      <c r="K46" s="463">
        <v>1</v>
      </c>
    </row>
    <row r="47" spans="1:19" s="124" customFormat="1" ht="19.5" customHeight="1" x14ac:dyDescent="0.2">
      <c r="A47" s="608"/>
      <c r="B47" s="611">
        <v>0.97727272727272729</v>
      </c>
      <c r="C47" s="612"/>
      <c r="D47" s="611">
        <v>2.2727272727272728E-2</v>
      </c>
      <c r="E47" s="612"/>
      <c r="G47" s="608"/>
      <c r="H47" s="611">
        <v>0.90909090909090906</v>
      </c>
      <c r="I47" s="612"/>
      <c r="J47" s="611">
        <v>9.0909090909090912E-2</v>
      </c>
      <c r="K47" s="612"/>
    </row>
    <row r="48" spans="1:19" s="124" customFormat="1" ht="19.5" customHeight="1" x14ac:dyDescent="0.2">
      <c r="A48" s="607" t="s">
        <v>99</v>
      </c>
      <c r="B48" s="462">
        <v>14</v>
      </c>
      <c r="C48" s="462">
        <v>13</v>
      </c>
      <c r="D48" s="462">
        <v>0</v>
      </c>
      <c r="E48" s="463">
        <v>0</v>
      </c>
      <c r="G48" s="607" t="s">
        <v>99</v>
      </c>
      <c r="H48" s="462">
        <v>13</v>
      </c>
      <c r="I48" s="462">
        <v>12</v>
      </c>
      <c r="J48" s="462">
        <v>1</v>
      </c>
      <c r="K48" s="463">
        <v>0</v>
      </c>
    </row>
    <row r="49" spans="1:24" s="124" customFormat="1" ht="19.5" customHeight="1" x14ac:dyDescent="0.2">
      <c r="A49" s="608"/>
      <c r="B49" s="611">
        <v>1</v>
      </c>
      <c r="C49" s="612"/>
      <c r="D49" s="611">
        <v>0</v>
      </c>
      <c r="E49" s="612"/>
      <c r="G49" s="608"/>
      <c r="H49" s="611">
        <v>0.96153846153846156</v>
      </c>
      <c r="I49" s="612"/>
      <c r="J49" s="611">
        <v>3.8461538461538464E-2</v>
      </c>
      <c r="K49" s="612"/>
    </row>
    <row r="50" spans="1:24" s="124" customFormat="1" ht="19.5" customHeight="1" x14ac:dyDescent="0.2">
      <c r="A50" s="607" t="s">
        <v>100</v>
      </c>
      <c r="B50" s="462">
        <v>13</v>
      </c>
      <c r="C50" s="462">
        <v>10</v>
      </c>
      <c r="D50" s="462">
        <v>1</v>
      </c>
      <c r="E50" s="463">
        <v>0</v>
      </c>
      <c r="G50" s="607" t="s">
        <v>100</v>
      </c>
      <c r="H50" s="462">
        <v>15</v>
      </c>
      <c r="I50" s="462">
        <v>8</v>
      </c>
      <c r="J50" s="462">
        <v>1</v>
      </c>
      <c r="K50" s="463">
        <v>0</v>
      </c>
    </row>
    <row r="51" spans="1:24" s="124" customFormat="1" ht="19.5" customHeight="1" x14ac:dyDescent="0.2">
      <c r="A51" s="608"/>
      <c r="B51" s="611">
        <v>0.95833333333333337</v>
      </c>
      <c r="C51" s="612"/>
      <c r="D51" s="611">
        <v>4.1666666666666664E-2</v>
      </c>
      <c r="E51" s="612"/>
      <c r="G51" s="608"/>
      <c r="H51" s="611">
        <v>0.95833333333333337</v>
      </c>
      <c r="I51" s="612"/>
      <c r="J51" s="611">
        <v>4.1666666666666664E-2</v>
      </c>
      <c r="K51" s="612"/>
    </row>
    <row r="52" spans="1:24" s="124" customFormat="1" ht="19.5" customHeight="1" x14ac:dyDescent="0.2">
      <c r="A52" s="607" t="s">
        <v>101</v>
      </c>
      <c r="B52" s="462">
        <v>9</v>
      </c>
      <c r="C52" s="462">
        <v>7</v>
      </c>
      <c r="D52" s="462">
        <v>0</v>
      </c>
      <c r="E52" s="463">
        <v>0</v>
      </c>
      <c r="G52" s="607" t="s">
        <v>101</v>
      </c>
      <c r="H52" s="462">
        <v>9</v>
      </c>
      <c r="I52" s="462">
        <v>7</v>
      </c>
      <c r="J52" s="462">
        <v>0</v>
      </c>
      <c r="K52" s="463">
        <v>0</v>
      </c>
    </row>
    <row r="53" spans="1:24" s="124" customFormat="1" ht="19.5" customHeight="1" x14ac:dyDescent="0.2">
      <c r="A53" s="608"/>
      <c r="B53" s="611">
        <v>1</v>
      </c>
      <c r="C53" s="612"/>
      <c r="D53" s="611">
        <v>0</v>
      </c>
      <c r="E53" s="612"/>
      <c r="G53" s="608"/>
      <c r="H53" s="611">
        <v>1</v>
      </c>
      <c r="I53" s="612"/>
      <c r="J53" s="611">
        <v>0</v>
      </c>
      <c r="K53" s="612"/>
    </row>
    <row r="54" spans="1:24" s="124" customFormat="1" ht="19.5" customHeight="1" x14ac:dyDescent="0.2">
      <c r="A54" s="607" t="s">
        <v>11</v>
      </c>
      <c r="B54" s="464">
        <v>9</v>
      </c>
      <c r="C54" s="464">
        <v>11</v>
      </c>
      <c r="D54" s="464">
        <v>0</v>
      </c>
      <c r="E54" s="465">
        <v>0</v>
      </c>
      <c r="G54" s="607" t="s">
        <v>11</v>
      </c>
      <c r="H54" s="464">
        <v>9</v>
      </c>
      <c r="I54" s="464">
        <v>11</v>
      </c>
      <c r="J54" s="464">
        <v>0</v>
      </c>
      <c r="K54" s="465">
        <v>0</v>
      </c>
    </row>
    <row r="55" spans="1:24" s="124" customFormat="1" ht="19.5" customHeight="1" thickBot="1" x14ac:dyDescent="0.25">
      <c r="A55" s="609"/>
      <c r="B55" s="611">
        <v>1</v>
      </c>
      <c r="C55" s="612"/>
      <c r="D55" s="611">
        <v>0</v>
      </c>
      <c r="E55" s="612"/>
      <c r="G55" s="609"/>
      <c r="H55" s="611">
        <v>1</v>
      </c>
      <c r="I55" s="612"/>
      <c r="J55" s="611">
        <v>0</v>
      </c>
      <c r="K55" s="612"/>
    </row>
    <row r="56" spans="1:24" s="124" customFormat="1" ht="19.5" customHeight="1" thickTop="1" x14ac:dyDescent="0.2">
      <c r="A56" s="125" t="s">
        <v>65</v>
      </c>
      <c r="B56" s="126">
        <v>79</v>
      </c>
      <c r="C56" s="126">
        <v>64</v>
      </c>
      <c r="D56" s="126">
        <v>2</v>
      </c>
      <c r="E56" s="39">
        <v>1</v>
      </c>
      <c r="G56" s="125" t="s">
        <v>65</v>
      </c>
      <c r="H56" s="126">
        <v>78</v>
      </c>
      <c r="I56" s="126">
        <v>61</v>
      </c>
      <c r="J56" s="126">
        <v>5</v>
      </c>
      <c r="K56" s="39">
        <v>1</v>
      </c>
    </row>
    <row r="57" spans="1:24" s="124" customFormat="1" ht="19.5" customHeight="1" thickBot="1" x14ac:dyDescent="0.25">
      <c r="A57" s="127" t="s">
        <v>234</v>
      </c>
      <c r="B57" s="611">
        <v>0.97945205479452058</v>
      </c>
      <c r="C57" s="612"/>
      <c r="D57" s="611">
        <v>2.0547945205479451E-2</v>
      </c>
      <c r="E57" s="612"/>
      <c r="G57" s="127" t="s">
        <v>234</v>
      </c>
      <c r="H57" s="611">
        <v>0.95862068965517244</v>
      </c>
      <c r="I57" s="612"/>
      <c r="J57" s="611">
        <v>4.1379310344827586E-2</v>
      </c>
      <c r="K57" s="612"/>
    </row>
    <row r="58" spans="1:24" s="124" customFormat="1" ht="19.5" customHeight="1" x14ac:dyDescent="0.2">
      <c r="A58" s="128"/>
      <c r="B58" s="40"/>
      <c r="C58" s="40"/>
      <c r="D58" s="40"/>
      <c r="E58" s="40"/>
      <c r="G58" s="128"/>
      <c r="H58" s="40"/>
      <c r="I58" s="40"/>
      <c r="J58" s="40"/>
      <c r="K58" s="40"/>
      <c r="N58" s="128"/>
      <c r="O58" s="40"/>
      <c r="P58" s="40"/>
      <c r="Q58" s="40"/>
      <c r="R58" s="40"/>
      <c r="T58" s="128"/>
      <c r="U58" s="40"/>
      <c r="V58" s="40"/>
      <c r="W58" s="40"/>
      <c r="X58" s="40"/>
    </row>
    <row r="59" spans="1:24" s="124" customFormat="1" ht="19.5" customHeight="1" thickBot="1" x14ac:dyDescent="0.25">
      <c r="A59" s="7" t="s">
        <v>342</v>
      </c>
      <c r="B59" s="7"/>
      <c r="C59" s="7"/>
      <c r="D59" s="274" t="s">
        <v>339</v>
      </c>
      <c r="E59" s="99">
        <v>145</v>
      </c>
      <c r="F59" s="7"/>
      <c r="G59" s="41" t="s">
        <v>232</v>
      </c>
      <c r="H59" s="41"/>
      <c r="I59" s="41"/>
      <c r="J59" s="41"/>
      <c r="K59" s="7"/>
      <c r="N59" s="128"/>
      <c r="O59" s="40"/>
      <c r="P59" s="40"/>
      <c r="Q59" s="40"/>
      <c r="R59" s="40"/>
      <c r="T59" s="128"/>
      <c r="U59" s="40"/>
      <c r="V59" s="40"/>
      <c r="W59" s="40"/>
      <c r="X59" s="40"/>
    </row>
    <row r="60" spans="1:24" s="124" customFormat="1" ht="19.5" customHeight="1" thickBot="1" x14ac:dyDescent="0.25">
      <c r="A60" s="119" t="s">
        <v>67</v>
      </c>
      <c r="B60" s="120" t="s">
        <v>225</v>
      </c>
      <c r="C60" s="121" t="s">
        <v>226</v>
      </c>
      <c r="D60" s="122" t="s">
        <v>227</v>
      </c>
      <c r="E60" s="123" t="s">
        <v>228</v>
      </c>
      <c r="G60" s="42" t="s">
        <v>229</v>
      </c>
      <c r="H60" s="43"/>
      <c r="I60" s="45" t="s">
        <v>301</v>
      </c>
      <c r="J60" s="43"/>
      <c r="K60" s="94"/>
      <c r="N60" s="128"/>
      <c r="O60" s="40"/>
      <c r="P60" s="40"/>
      <c r="Q60" s="40"/>
      <c r="R60" s="40"/>
      <c r="T60" s="128"/>
      <c r="U60" s="40"/>
      <c r="V60" s="40"/>
      <c r="W60" s="40"/>
      <c r="X60" s="40"/>
    </row>
    <row r="61" spans="1:24" s="124" customFormat="1" ht="19.5" customHeight="1" thickTop="1" x14ac:dyDescent="0.2">
      <c r="A61" s="610" t="s">
        <v>97</v>
      </c>
      <c r="B61" s="460">
        <v>9</v>
      </c>
      <c r="C61" s="460">
        <v>4</v>
      </c>
      <c r="D61" s="460">
        <v>2</v>
      </c>
      <c r="E61" s="461">
        <v>0</v>
      </c>
      <c r="G61" s="44"/>
      <c r="H61" s="1"/>
      <c r="I61" s="41" t="s">
        <v>302</v>
      </c>
      <c r="J61" s="41"/>
      <c r="K61" s="129"/>
      <c r="N61" s="128"/>
      <c r="O61" s="40"/>
      <c r="P61" s="40"/>
      <c r="Q61" s="40"/>
      <c r="R61" s="40"/>
      <c r="T61" s="128"/>
      <c r="U61" s="40"/>
      <c r="V61" s="40"/>
      <c r="W61" s="40"/>
      <c r="X61" s="40"/>
    </row>
    <row r="62" spans="1:24" s="124" customFormat="1" ht="19.5" customHeight="1" x14ac:dyDescent="0.2">
      <c r="A62" s="608"/>
      <c r="B62" s="611">
        <v>0.8666666666666667</v>
      </c>
      <c r="C62" s="612"/>
      <c r="D62" s="611">
        <v>0.13333333333333333</v>
      </c>
      <c r="E62" s="612"/>
      <c r="G62" s="44" t="s">
        <v>230</v>
      </c>
      <c r="H62" s="1"/>
      <c r="I62" s="41" t="s">
        <v>301</v>
      </c>
      <c r="J62" s="1"/>
      <c r="K62" s="95"/>
      <c r="N62" s="128"/>
      <c r="O62" s="40"/>
      <c r="P62" s="40"/>
      <c r="Q62" s="40"/>
      <c r="R62" s="40"/>
      <c r="T62" s="128"/>
      <c r="U62" s="40"/>
      <c r="V62" s="40"/>
      <c r="W62" s="40"/>
      <c r="X62" s="40"/>
    </row>
    <row r="63" spans="1:24" s="124" customFormat="1" ht="19.5" customHeight="1" x14ac:dyDescent="0.2">
      <c r="A63" s="607" t="s">
        <v>98</v>
      </c>
      <c r="B63" s="462">
        <v>22</v>
      </c>
      <c r="C63" s="462">
        <v>17</v>
      </c>
      <c r="D63" s="462">
        <v>4</v>
      </c>
      <c r="E63" s="463">
        <v>1</v>
      </c>
      <c r="G63" s="44"/>
      <c r="H63" s="1"/>
      <c r="I63" s="41" t="s">
        <v>303</v>
      </c>
      <c r="J63" s="41"/>
      <c r="K63" s="129"/>
      <c r="N63" s="128"/>
      <c r="O63" s="40"/>
      <c r="P63" s="40"/>
      <c r="Q63" s="40"/>
      <c r="R63" s="40"/>
      <c r="T63" s="128"/>
      <c r="U63" s="40"/>
      <c r="V63" s="40"/>
      <c r="W63" s="40"/>
      <c r="X63" s="40"/>
    </row>
    <row r="64" spans="1:24" s="124" customFormat="1" ht="19.5" customHeight="1" x14ac:dyDescent="0.2">
      <c r="A64" s="608"/>
      <c r="B64" s="611">
        <v>0.88636363636363635</v>
      </c>
      <c r="C64" s="612"/>
      <c r="D64" s="611">
        <v>0.11363636363636363</v>
      </c>
      <c r="E64" s="612"/>
      <c r="G64" s="44"/>
      <c r="H64" s="1"/>
      <c r="I64" s="41" t="s">
        <v>304</v>
      </c>
      <c r="J64" s="41"/>
      <c r="K64" s="129"/>
      <c r="N64" s="128"/>
      <c r="O64" s="40"/>
      <c r="P64" s="40"/>
      <c r="Q64" s="40"/>
      <c r="R64" s="40"/>
      <c r="T64" s="128"/>
      <c r="U64" s="40"/>
      <c r="V64" s="40"/>
      <c r="W64" s="40"/>
      <c r="X64" s="40"/>
    </row>
    <row r="65" spans="1:24" s="124" customFormat="1" ht="19.5" customHeight="1" x14ac:dyDescent="0.2">
      <c r="A65" s="607" t="s">
        <v>99</v>
      </c>
      <c r="B65" s="462">
        <v>15</v>
      </c>
      <c r="C65" s="462">
        <v>11</v>
      </c>
      <c r="D65" s="462">
        <v>0</v>
      </c>
      <c r="E65" s="463">
        <v>0</v>
      </c>
      <c r="G65" s="44" t="s">
        <v>231</v>
      </c>
      <c r="H65" s="1"/>
      <c r="I65" s="41" t="s">
        <v>305</v>
      </c>
      <c r="J65" s="41"/>
      <c r="K65" s="129"/>
      <c r="N65" s="128"/>
      <c r="O65" s="40"/>
      <c r="P65" s="40"/>
      <c r="Q65" s="40"/>
      <c r="R65" s="40"/>
      <c r="T65" s="128"/>
      <c r="U65" s="40"/>
      <c r="V65" s="40"/>
      <c r="W65" s="40"/>
      <c r="X65" s="40"/>
    </row>
    <row r="66" spans="1:24" ht="19.5" customHeight="1" x14ac:dyDescent="0.2">
      <c r="A66" s="608"/>
      <c r="B66" s="611">
        <v>1</v>
      </c>
      <c r="C66" s="612"/>
      <c r="D66" s="611">
        <v>0</v>
      </c>
      <c r="E66" s="612"/>
      <c r="F66" s="124"/>
      <c r="G66" s="130"/>
      <c r="H66" s="1"/>
      <c r="I66" s="41" t="s">
        <v>306</v>
      </c>
      <c r="J66" s="41"/>
      <c r="K66" s="129"/>
    </row>
    <row r="67" spans="1:24" ht="19.5" customHeight="1" x14ac:dyDescent="0.2">
      <c r="A67" s="607" t="s">
        <v>100</v>
      </c>
      <c r="B67" s="462">
        <v>13</v>
      </c>
      <c r="C67" s="462">
        <v>10</v>
      </c>
      <c r="D67" s="462">
        <v>1</v>
      </c>
      <c r="E67" s="463">
        <v>0</v>
      </c>
      <c r="F67" s="124"/>
      <c r="G67" s="44"/>
      <c r="H67" s="1"/>
      <c r="I67" s="41" t="s">
        <v>266</v>
      </c>
      <c r="J67" s="41"/>
      <c r="K67" s="129"/>
    </row>
    <row r="68" spans="1:24" ht="19.5" customHeight="1" thickBot="1" x14ac:dyDescent="0.25">
      <c r="A68" s="608"/>
      <c r="B68" s="611">
        <v>0.95833333333333337</v>
      </c>
      <c r="C68" s="612"/>
      <c r="D68" s="611">
        <v>4.1666666666666664E-2</v>
      </c>
      <c r="E68" s="612"/>
      <c r="F68" s="124"/>
      <c r="G68" s="96"/>
      <c r="H68" s="97"/>
      <c r="I68" s="47" t="s">
        <v>307</v>
      </c>
      <c r="J68" s="47"/>
      <c r="K68" s="131"/>
    </row>
    <row r="69" spans="1:24" ht="19.5" customHeight="1" x14ac:dyDescent="0.2">
      <c r="A69" s="607" t="s">
        <v>101</v>
      </c>
      <c r="B69" s="462">
        <v>9</v>
      </c>
      <c r="C69" s="462">
        <v>7</v>
      </c>
      <c r="D69" s="462">
        <v>0</v>
      </c>
      <c r="E69" s="463">
        <v>0</v>
      </c>
      <c r="F69" s="124"/>
      <c r="G69" s="1"/>
      <c r="H69" s="1"/>
      <c r="I69" s="41"/>
      <c r="J69" s="41"/>
      <c r="K69" s="41"/>
    </row>
    <row r="70" spans="1:24" ht="19.5" customHeight="1" x14ac:dyDescent="0.2">
      <c r="A70" s="608"/>
      <c r="B70" s="611">
        <v>1</v>
      </c>
      <c r="C70" s="612"/>
      <c r="D70" s="611">
        <v>0</v>
      </c>
      <c r="E70" s="612"/>
      <c r="F70" s="124"/>
    </row>
    <row r="71" spans="1:24" ht="19.5" customHeight="1" x14ac:dyDescent="0.2">
      <c r="A71" s="607" t="s">
        <v>11</v>
      </c>
      <c r="B71" s="464">
        <v>8</v>
      </c>
      <c r="C71" s="464">
        <v>12</v>
      </c>
      <c r="D71" s="464">
        <v>0</v>
      </c>
      <c r="E71" s="465">
        <v>0</v>
      </c>
      <c r="F71" s="124"/>
    </row>
    <row r="72" spans="1:24" ht="19.5" customHeight="1" thickBot="1" x14ac:dyDescent="0.25">
      <c r="A72" s="609"/>
      <c r="B72" s="611">
        <v>1</v>
      </c>
      <c r="C72" s="612"/>
      <c r="D72" s="611">
        <v>0</v>
      </c>
      <c r="E72" s="612"/>
      <c r="F72" s="124"/>
    </row>
    <row r="73" spans="1:24" ht="19.5" customHeight="1" thickTop="1" x14ac:dyDescent="0.2">
      <c r="A73" s="125" t="s">
        <v>65</v>
      </c>
      <c r="B73" s="126">
        <v>76</v>
      </c>
      <c r="C73" s="126">
        <v>61</v>
      </c>
      <c r="D73" s="126">
        <v>7</v>
      </c>
      <c r="E73" s="39">
        <v>1</v>
      </c>
      <c r="F73" s="124"/>
    </row>
    <row r="74" spans="1:24" ht="19.5" customHeight="1" thickBot="1" x14ac:dyDescent="0.25">
      <c r="A74" s="127" t="s">
        <v>234</v>
      </c>
      <c r="B74" s="611">
        <v>0.94482758620689655</v>
      </c>
      <c r="C74" s="612"/>
      <c r="D74" s="611">
        <v>5.5172413793103448E-2</v>
      </c>
      <c r="E74" s="612"/>
      <c r="F74" s="124"/>
    </row>
    <row r="75" spans="1:24" ht="19.5" customHeight="1" x14ac:dyDescent="0.2">
      <c r="A75" s="128"/>
      <c r="B75" s="40"/>
      <c r="C75" s="40"/>
      <c r="D75" s="40"/>
      <c r="E75" s="40"/>
    </row>
    <row r="76" spans="1:24" ht="19.5" customHeight="1" thickBot="1" x14ac:dyDescent="0.25">
      <c r="A76" s="7" t="s">
        <v>224</v>
      </c>
      <c r="D76" s="274" t="s">
        <v>339</v>
      </c>
      <c r="E76" s="99">
        <v>146</v>
      </c>
      <c r="G76" s="41" t="s">
        <v>233</v>
      </c>
    </row>
    <row r="77" spans="1:24" ht="19.5" customHeight="1" thickBot="1" x14ac:dyDescent="0.25">
      <c r="A77" s="119" t="s">
        <v>67</v>
      </c>
      <c r="B77" s="120" t="s">
        <v>225</v>
      </c>
      <c r="C77" s="121" t="s">
        <v>226</v>
      </c>
      <c r="D77" s="122" t="s">
        <v>227</v>
      </c>
      <c r="E77" s="123" t="s">
        <v>228</v>
      </c>
      <c r="G77" s="48" t="s">
        <v>308</v>
      </c>
      <c r="H77" s="43"/>
      <c r="I77" s="43"/>
      <c r="J77" s="45"/>
      <c r="K77" s="46"/>
    </row>
    <row r="78" spans="1:24" ht="19.5" customHeight="1" thickTop="1" x14ac:dyDescent="0.2">
      <c r="A78" s="610" t="s">
        <v>97</v>
      </c>
      <c r="B78" s="460">
        <v>9</v>
      </c>
      <c r="C78" s="460">
        <v>5</v>
      </c>
      <c r="D78" s="460">
        <v>1</v>
      </c>
      <c r="E78" s="461">
        <v>0</v>
      </c>
      <c r="G78" s="49" t="s">
        <v>309</v>
      </c>
      <c r="H78" s="1"/>
      <c r="I78" s="1"/>
      <c r="J78" s="1"/>
      <c r="K78" s="95"/>
    </row>
    <row r="79" spans="1:24" ht="19.5" customHeight="1" thickBot="1" x14ac:dyDescent="0.25">
      <c r="A79" s="608"/>
      <c r="B79" s="611">
        <v>0.93333333333333335</v>
      </c>
      <c r="C79" s="612"/>
      <c r="D79" s="611">
        <v>6.6666666666666666E-2</v>
      </c>
      <c r="E79" s="612"/>
      <c r="G79" s="50" t="s">
        <v>310</v>
      </c>
      <c r="H79" s="97"/>
      <c r="I79" s="97"/>
      <c r="J79" s="97"/>
      <c r="K79" s="98"/>
    </row>
    <row r="80" spans="1:24" ht="19.5" customHeight="1" x14ac:dyDescent="0.2">
      <c r="A80" s="607" t="s">
        <v>98</v>
      </c>
      <c r="B80" s="462">
        <v>23</v>
      </c>
      <c r="C80" s="462">
        <v>19</v>
      </c>
      <c r="D80" s="462">
        <v>2</v>
      </c>
      <c r="E80" s="463">
        <v>0</v>
      </c>
    </row>
    <row r="81" spans="1:5" ht="19.5" customHeight="1" x14ac:dyDescent="0.2">
      <c r="A81" s="608"/>
      <c r="B81" s="611">
        <v>0.95454545454545459</v>
      </c>
      <c r="C81" s="612"/>
      <c r="D81" s="611">
        <v>4.5454545454545456E-2</v>
      </c>
      <c r="E81" s="612"/>
    </row>
    <row r="82" spans="1:5" ht="19.5" customHeight="1" x14ac:dyDescent="0.2">
      <c r="A82" s="607" t="s">
        <v>99</v>
      </c>
      <c r="B82" s="462">
        <v>14</v>
      </c>
      <c r="C82" s="462">
        <v>12</v>
      </c>
      <c r="D82" s="462">
        <v>1</v>
      </c>
      <c r="E82" s="463">
        <v>0</v>
      </c>
    </row>
    <row r="83" spans="1:5" ht="19.5" customHeight="1" x14ac:dyDescent="0.2">
      <c r="A83" s="608"/>
      <c r="B83" s="611">
        <v>0.96296296296296291</v>
      </c>
      <c r="C83" s="612"/>
      <c r="D83" s="611">
        <v>3.7037037037037035E-2</v>
      </c>
      <c r="E83" s="612"/>
    </row>
    <row r="84" spans="1:5" ht="19.5" customHeight="1" x14ac:dyDescent="0.2">
      <c r="A84" s="607" t="s">
        <v>100</v>
      </c>
      <c r="B84" s="462">
        <v>12</v>
      </c>
      <c r="C84" s="462">
        <v>12</v>
      </c>
      <c r="D84" s="462">
        <v>0</v>
      </c>
      <c r="E84" s="463">
        <v>0</v>
      </c>
    </row>
    <row r="85" spans="1:5" ht="19.5" customHeight="1" x14ac:dyDescent="0.2">
      <c r="A85" s="608"/>
      <c r="B85" s="611">
        <v>1</v>
      </c>
      <c r="C85" s="612"/>
      <c r="D85" s="611">
        <v>0</v>
      </c>
      <c r="E85" s="612"/>
    </row>
    <row r="86" spans="1:5" ht="19.5" customHeight="1" x14ac:dyDescent="0.2">
      <c r="A86" s="607" t="s">
        <v>101</v>
      </c>
      <c r="B86" s="462">
        <v>8</v>
      </c>
      <c r="C86" s="462">
        <v>7</v>
      </c>
      <c r="D86" s="462">
        <v>1</v>
      </c>
      <c r="E86" s="463">
        <v>0</v>
      </c>
    </row>
    <row r="87" spans="1:5" ht="19.5" customHeight="1" x14ac:dyDescent="0.2">
      <c r="A87" s="608"/>
      <c r="B87" s="611">
        <v>0.9375</v>
      </c>
      <c r="C87" s="612"/>
      <c r="D87" s="611">
        <v>6.25E-2</v>
      </c>
      <c r="E87" s="612"/>
    </row>
    <row r="88" spans="1:5" ht="19.5" customHeight="1" x14ac:dyDescent="0.2">
      <c r="A88" s="607" t="s">
        <v>11</v>
      </c>
      <c r="B88" s="464">
        <v>9</v>
      </c>
      <c r="C88" s="464">
        <v>11</v>
      </c>
      <c r="D88" s="464">
        <v>0</v>
      </c>
      <c r="E88" s="465">
        <v>0</v>
      </c>
    </row>
    <row r="89" spans="1:5" ht="19.5" customHeight="1" thickBot="1" x14ac:dyDescent="0.25">
      <c r="A89" s="609"/>
      <c r="B89" s="611">
        <v>1</v>
      </c>
      <c r="C89" s="612"/>
      <c r="D89" s="611">
        <v>0</v>
      </c>
      <c r="E89" s="612"/>
    </row>
    <row r="90" spans="1:5" ht="19.5" customHeight="1" thickTop="1" x14ac:dyDescent="0.2">
      <c r="A90" s="125" t="s">
        <v>65</v>
      </c>
      <c r="B90" s="126">
        <v>75</v>
      </c>
      <c r="C90" s="126">
        <v>66</v>
      </c>
      <c r="D90" s="126">
        <v>5</v>
      </c>
      <c r="E90" s="39">
        <v>0</v>
      </c>
    </row>
    <row r="91" spans="1:5" ht="19.5" customHeight="1" thickBot="1" x14ac:dyDescent="0.25">
      <c r="A91" s="127" t="s">
        <v>234</v>
      </c>
      <c r="B91" s="611">
        <v>0.96575342465753422</v>
      </c>
      <c r="C91" s="612"/>
      <c r="D91" s="611">
        <v>3.4246575342465752E-2</v>
      </c>
      <c r="E91" s="612"/>
    </row>
  </sheetData>
  <mergeCells count="80">
    <mergeCell ref="B89:C89"/>
    <mergeCell ref="B91:C91"/>
    <mergeCell ref="B79:C79"/>
    <mergeCell ref="B81:C81"/>
    <mergeCell ref="B83:C83"/>
    <mergeCell ref="B85:C85"/>
    <mergeCell ref="B87:C87"/>
    <mergeCell ref="B66:C66"/>
    <mergeCell ref="B68:C68"/>
    <mergeCell ref="B70:C70"/>
    <mergeCell ref="B72:C72"/>
    <mergeCell ref="B74:C74"/>
    <mergeCell ref="B53:C53"/>
    <mergeCell ref="B55:C55"/>
    <mergeCell ref="B57:C57"/>
    <mergeCell ref="B62:C62"/>
    <mergeCell ref="B64:C64"/>
    <mergeCell ref="H51:I51"/>
    <mergeCell ref="J51:K51"/>
    <mergeCell ref="H53:I53"/>
    <mergeCell ref="J53:K53"/>
    <mergeCell ref="H55:I55"/>
    <mergeCell ref="J55:K55"/>
    <mergeCell ref="J45:K45"/>
    <mergeCell ref="H47:I47"/>
    <mergeCell ref="J47:K47"/>
    <mergeCell ref="H49:I49"/>
    <mergeCell ref="J49:K49"/>
    <mergeCell ref="H45:I45"/>
    <mergeCell ref="D91:E91"/>
    <mergeCell ref="D45:E45"/>
    <mergeCell ref="D47:E47"/>
    <mergeCell ref="D49:E49"/>
    <mergeCell ref="D51:E51"/>
    <mergeCell ref="D57:E57"/>
    <mergeCell ref="D53:E53"/>
    <mergeCell ref="D55:E55"/>
    <mergeCell ref="D79:E79"/>
    <mergeCell ref="D81:E81"/>
    <mergeCell ref="D89:E89"/>
    <mergeCell ref="D83:E83"/>
    <mergeCell ref="D85:E85"/>
    <mergeCell ref="D87:E87"/>
    <mergeCell ref="H57:I57"/>
    <mergeCell ref="J57:K57"/>
    <mergeCell ref="D74:E74"/>
    <mergeCell ref="D62:E62"/>
    <mergeCell ref="D64:E64"/>
    <mergeCell ref="D66:E66"/>
    <mergeCell ref="D68:E68"/>
    <mergeCell ref="D70:E70"/>
    <mergeCell ref="D72:E72"/>
    <mergeCell ref="A54:A55"/>
    <mergeCell ref="G44:G45"/>
    <mergeCell ref="G46:G47"/>
    <mergeCell ref="G48:G49"/>
    <mergeCell ref="G50:G51"/>
    <mergeCell ref="G52:G53"/>
    <mergeCell ref="G54:G55"/>
    <mergeCell ref="A44:A45"/>
    <mergeCell ref="A46:A47"/>
    <mergeCell ref="A48:A49"/>
    <mergeCell ref="A50:A51"/>
    <mergeCell ref="A52:A53"/>
    <mergeCell ref="B45:C45"/>
    <mergeCell ref="B47:C47"/>
    <mergeCell ref="B49:C49"/>
    <mergeCell ref="B51:C51"/>
    <mergeCell ref="A61:A62"/>
    <mergeCell ref="A63:A64"/>
    <mergeCell ref="A65:A66"/>
    <mergeCell ref="A67:A68"/>
    <mergeCell ref="A69:A70"/>
    <mergeCell ref="A86:A87"/>
    <mergeCell ref="A88:A89"/>
    <mergeCell ref="A71:A72"/>
    <mergeCell ref="A78:A79"/>
    <mergeCell ref="A80:A81"/>
    <mergeCell ref="A82:A83"/>
    <mergeCell ref="A84:A85"/>
  </mergeCells>
  <phoneticPr fontId="1"/>
  <pageMargins left="0.62992125984251968" right="0.23622047244094491" top="0.35433070866141736" bottom="0.35433070866141736" header="0.31496062992125984" footer="0.31496062992125984"/>
  <pageSetup paperSize="9" scale="58" fitToHeight="2" orientation="landscape" r:id="rId1"/>
  <headerFooter>
    <oddFooter>&amp;C&amp;P</oddFooter>
  </headerFooter>
  <rowBreaks count="1" manualBreakCount="1">
    <brk id="41" max="12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6"/>
  <sheetViews>
    <sheetView view="pageBreakPreview" zoomScale="80" zoomScaleNormal="80" zoomScaleSheetLayoutView="80" zoomScalePageLayoutView="50" workbookViewId="0"/>
  </sheetViews>
  <sheetFormatPr defaultColWidth="14.59765625" defaultRowHeight="20.100000000000001" customHeight="1" x14ac:dyDescent="0.2"/>
  <cols>
    <col min="1" max="1" width="14.59765625" style="7"/>
    <col min="2" max="2" width="14.59765625" style="7" customWidth="1"/>
    <col min="3" max="16384" width="14.59765625" style="7"/>
  </cols>
  <sheetData>
    <row r="1" spans="1:11" ht="20.100000000000001" customHeight="1" x14ac:dyDescent="0.2">
      <c r="A1" s="51" t="s">
        <v>293</v>
      </c>
    </row>
    <row r="2" spans="1:11" ht="20.100000000000001" customHeight="1" x14ac:dyDescent="0.2">
      <c r="C2" s="90"/>
      <c r="D2" s="90"/>
      <c r="E2" s="90"/>
      <c r="F2" s="90"/>
      <c r="G2" s="90"/>
      <c r="H2" s="90"/>
      <c r="I2" s="90"/>
      <c r="J2" s="90"/>
    </row>
    <row r="3" spans="1:11" ht="20.100000000000001" customHeight="1" thickBot="1" x14ac:dyDescent="0.25">
      <c r="A3" s="7" t="s">
        <v>85</v>
      </c>
      <c r="E3" s="7" t="s">
        <v>219</v>
      </c>
      <c r="F3" s="1"/>
    </row>
    <row r="4" spans="1:11" ht="20.100000000000001" customHeight="1" x14ac:dyDescent="0.2">
      <c r="A4" s="613" t="s">
        <v>67</v>
      </c>
      <c r="B4" s="613" t="s">
        <v>270</v>
      </c>
      <c r="C4" s="538" t="s">
        <v>13</v>
      </c>
      <c r="D4" s="539"/>
      <c r="E4" s="540"/>
      <c r="F4" s="615" t="s">
        <v>14</v>
      </c>
      <c r="G4" s="539"/>
      <c r="H4" s="616"/>
      <c r="I4" s="538" t="s">
        <v>15</v>
      </c>
      <c r="J4" s="539"/>
      <c r="K4" s="540"/>
    </row>
    <row r="5" spans="1:11" ht="20.100000000000001" customHeight="1" thickBot="1" x14ac:dyDescent="0.25">
      <c r="A5" s="614"/>
      <c r="B5" s="614"/>
      <c r="C5" s="211" t="s">
        <v>202</v>
      </c>
      <c r="D5" s="212" t="s">
        <v>203</v>
      </c>
      <c r="E5" s="213" t="s">
        <v>292</v>
      </c>
      <c r="F5" s="214" t="s">
        <v>202</v>
      </c>
      <c r="G5" s="212" t="s">
        <v>203</v>
      </c>
      <c r="H5" s="213" t="s">
        <v>292</v>
      </c>
      <c r="I5" s="211" t="s">
        <v>202</v>
      </c>
      <c r="J5" s="212" t="s">
        <v>203</v>
      </c>
      <c r="K5" s="213" t="s">
        <v>292</v>
      </c>
    </row>
    <row r="6" spans="1:11" ht="20.100000000000001" customHeight="1" thickTop="1" x14ac:dyDescent="0.2">
      <c r="A6" s="215" t="s">
        <v>97</v>
      </c>
      <c r="B6" s="466">
        <v>46</v>
      </c>
      <c r="C6" s="63">
        <v>241</v>
      </c>
      <c r="D6" s="203">
        <v>81</v>
      </c>
      <c r="E6" s="204">
        <v>0.33609958506224069</v>
      </c>
      <c r="F6" s="467">
        <v>210</v>
      </c>
      <c r="G6" s="203">
        <v>74</v>
      </c>
      <c r="H6" s="261">
        <v>0.35238095238095241</v>
      </c>
      <c r="I6" s="63">
        <v>31</v>
      </c>
      <c r="J6" s="203">
        <v>7</v>
      </c>
      <c r="K6" s="204">
        <v>0.22580645161290322</v>
      </c>
    </row>
    <row r="7" spans="1:11" ht="20.100000000000001" customHeight="1" x14ac:dyDescent="0.2">
      <c r="A7" s="216" t="s">
        <v>98</v>
      </c>
      <c r="B7" s="466">
        <v>66</v>
      </c>
      <c r="C7" s="63">
        <v>675</v>
      </c>
      <c r="D7" s="203">
        <v>420</v>
      </c>
      <c r="E7" s="204">
        <v>0.62222222222222223</v>
      </c>
      <c r="F7" s="468">
        <v>634</v>
      </c>
      <c r="G7" s="394">
        <v>403</v>
      </c>
      <c r="H7" s="261">
        <v>0.63564668769716093</v>
      </c>
      <c r="I7" s="65">
        <v>41</v>
      </c>
      <c r="J7" s="394">
        <v>17</v>
      </c>
      <c r="K7" s="204">
        <v>0.41463414634146339</v>
      </c>
    </row>
    <row r="8" spans="1:11" ht="20.100000000000001" customHeight="1" x14ac:dyDescent="0.2">
      <c r="A8" s="216" t="s">
        <v>99</v>
      </c>
      <c r="B8" s="466">
        <v>38</v>
      </c>
      <c r="C8" s="63">
        <v>538</v>
      </c>
      <c r="D8" s="203">
        <v>494</v>
      </c>
      <c r="E8" s="204">
        <v>0.91821561338289959</v>
      </c>
      <c r="F8" s="468">
        <v>528</v>
      </c>
      <c r="G8" s="394">
        <v>480</v>
      </c>
      <c r="H8" s="261">
        <v>0.90909090909090906</v>
      </c>
      <c r="I8" s="65">
        <v>10</v>
      </c>
      <c r="J8" s="394">
        <v>14</v>
      </c>
      <c r="K8" s="204">
        <v>1.4</v>
      </c>
    </row>
    <row r="9" spans="1:11" ht="20.100000000000001" customHeight="1" x14ac:dyDescent="0.2">
      <c r="A9" s="216" t="s">
        <v>100</v>
      </c>
      <c r="B9" s="466">
        <v>28</v>
      </c>
      <c r="C9" s="63">
        <v>1080</v>
      </c>
      <c r="D9" s="203">
        <v>665</v>
      </c>
      <c r="E9" s="204">
        <v>0.6157407407407407</v>
      </c>
      <c r="F9" s="468">
        <v>1048</v>
      </c>
      <c r="G9" s="394">
        <v>658</v>
      </c>
      <c r="H9" s="261">
        <v>0.62786259541984735</v>
      </c>
      <c r="I9" s="65">
        <v>32</v>
      </c>
      <c r="J9" s="394">
        <v>7</v>
      </c>
      <c r="K9" s="204">
        <v>0.21875</v>
      </c>
    </row>
    <row r="10" spans="1:11" ht="20.100000000000001" customHeight="1" x14ac:dyDescent="0.2">
      <c r="A10" s="216" t="s">
        <v>101</v>
      </c>
      <c r="B10" s="466">
        <v>15</v>
      </c>
      <c r="C10" s="63">
        <v>478</v>
      </c>
      <c r="D10" s="203">
        <v>530</v>
      </c>
      <c r="E10" s="204">
        <v>1.108786610878661</v>
      </c>
      <c r="F10" s="468">
        <v>465</v>
      </c>
      <c r="G10" s="394">
        <v>523</v>
      </c>
      <c r="H10" s="261">
        <v>1.1247311827956989</v>
      </c>
      <c r="I10" s="65">
        <v>13</v>
      </c>
      <c r="J10" s="394">
        <v>7</v>
      </c>
      <c r="K10" s="204">
        <v>0.53846153846153844</v>
      </c>
    </row>
    <row r="11" spans="1:11" ht="20.100000000000001" customHeight="1" thickBot="1" x14ac:dyDescent="0.25">
      <c r="A11" s="217" t="s">
        <v>11</v>
      </c>
      <c r="B11" s="469">
        <v>21</v>
      </c>
      <c r="C11" s="70">
        <v>1403</v>
      </c>
      <c r="D11" s="205">
        <v>1716</v>
      </c>
      <c r="E11" s="184">
        <v>1.2230933713471133</v>
      </c>
      <c r="F11" s="470">
        <v>1401</v>
      </c>
      <c r="G11" s="205">
        <v>1708</v>
      </c>
      <c r="H11" s="183">
        <v>1.219129193433262</v>
      </c>
      <c r="I11" s="70">
        <v>2</v>
      </c>
      <c r="J11" s="205">
        <v>8</v>
      </c>
      <c r="K11" s="204">
        <v>4</v>
      </c>
    </row>
    <row r="12" spans="1:11" ht="20.100000000000001" customHeight="1" thickTop="1" thickBot="1" x14ac:dyDescent="0.25">
      <c r="A12" s="3" t="s">
        <v>65</v>
      </c>
      <c r="B12" s="206">
        <v>214</v>
      </c>
      <c r="C12" s="4">
        <v>4415</v>
      </c>
      <c r="D12" s="6">
        <v>3906</v>
      </c>
      <c r="E12" s="207">
        <v>0.88471121177802947</v>
      </c>
      <c r="F12" s="5">
        <v>4286</v>
      </c>
      <c r="G12" s="6">
        <v>3846</v>
      </c>
      <c r="H12" s="262">
        <v>0.89734017732151194</v>
      </c>
      <c r="I12" s="4">
        <v>129</v>
      </c>
      <c r="J12" s="6">
        <v>60</v>
      </c>
      <c r="K12" s="207">
        <v>0.46511627906976744</v>
      </c>
    </row>
    <row r="13" spans="1:11" ht="20.100000000000001" customHeight="1" x14ac:dyDescent="0.2">
      <c r="B13" s="208" t="s">
        <v>271</v>
      </c>
      <c r="C13" s="90"/>
      <c r="D13" s="90"/>
      <c r="F13" s="90"/>
      <c r="G13" s="90"/>
      <c r="H13" s="90"/>
      <c r="I13" s="90"/>
      <c r="J13" s="90"/>
    </row>
    <row r="14" spans="1:11" ht="20.100000000000001" customHeight="1" thickBot="1" x14ac:dyDescent="0.25">
      <c r="A14" s="7" t="s">
        <v>90</v>
      </c>
    </row>
    <row r="15" spans="1:11" ht="20.100000000000001" customHeight="1" x14ac:dyDescent="0.2">
      <c r="A15" s="613" t="s">
        <v>82</v>
      </c>
      <c r="B15" s="538" t="s">
        <v>13</v>
      </c>
      <c r="C15" s="539"/>
      <c r="D15" s="540"/>
      <c r="E15" s="615" t="s">
        <v>14</v>
      </c>
      <c r="F15" s="539"/>
      <c r="G15" s="616"/>
      <c r="H15" s="538" t="s">
        <v>15</v>
      </c>
      <c r="I15" s="539"/>
      <c r="J15" s="540"/>
    </row>
    <row r="16" spans="1:11" ht="20.100000000000001" customHeight="1" thickBot="1" x14ac:dyDescent="0.25">
      <c r="A16" s="614"/>
      <c r="B16" s="211" t="s">
        <v>202</v>
      </c>
      <c r="C16" s="212" t="s">
        <v>203</v>
      </c>
      <c r="D16" s="213" t="s">
        <v>292</v>
      </c>
      <c r="E16" s="214" t="s">
        <v>202</v>
      </c>
      <c r="F16" s="212" t="s">
        <v>203</v>
      </c>
      <c r="G16" s="213" t="s">
        <v>292</v>
      </c>
      <c r="H16" s="211" t="s">
        <v>202</v>
      </c>
      <c r="I16" s="212" t="s">
        <v>203</v>
      </c>
      <c r="J16" s="213" t="s">
        <v>292</v>
      </c>
    </row>
    <row r="17" spans="1:12" ht="20.100000000000001" customHeight="1" thickTop="1" x14ac:dyDescent="0.2">
      <c r="A17" s="218" t="s">
        <v>220</v>
      </c>
      <c r="B17" s="63">
        <v>27</v>
      </c>
      <c r="C17" s="203">
        <v>19</v>
      </c>
      <c r="D17" s="204">
        <v>0.70370370370370372</v>
      </c>
      <c r="E17" s="467">
        <v>25</v>
      </c>
      <c r="F17" s="203">
        <v>19</v>
      </c>
      <c r="G17" s="261">
        <v>0.76</v>
      </c>
      <c r="H17" s="63">
        <v>2</v>
      </c>
      <c r="I17" s="203">
        <v>0</v>
      </c>
      <c r="J17" s="204">
        <v>0</v>
      </c>
    </row>
    <row r="18" spans="1:12" ht="20.100000000000001" customHeight="1" x14ac:dyDescent="0.2">
      <c r="A18" s="280" t="s">
        <v>19</v>
      </c>
      <c r="B18" s="63">
        <v>106</v>
      </c>
      <c r="C18" s="203">
        <v>120</v>
      </c>
      <c r="D18" s="204">
        <v>1.1320754716981132</v>
      </c>
      <c r="E18" s="468">
        <v>105</v>
      </c>
      <c r="F18" s="394">
        <v>119</v>
      </c>
      <c r="G18" s="261">
        <v>1.1333333333333333</v>
      </c>
      <c r="H18" s="65">
        <v>1</v>
      </c>
      <c r="I18" s="394">
        <v>1</v>
      </c>
      <c r="J18" s="204">
        <v>1</v>
      </c>
    </row>
    <row r="19" spans="1:12" ht="20.100000000000001" customHeight="1" x14ac:dyDescent="0.2">
      <c r="A19" s="280" t="s">
        <v>83</v>
      </c>
      <c r="B19" s="63">
        <v>4258</v>
      </c>
      <c r="C19" s="203">
        <v>3707</v>
      </c>
      <c r="D19" s="204">
        <v>0.87059652418976041</v>
      </c>
      <c r="E19" s="468">
        <v>4135</v>
      </c>
      <c r="F19" s="394">
        <v>3651</v>
      </c>
      <c r="G19" s="261">
        <v>0.88295042321644501</v>
      </c>
      <c r="H19" s="65">
        <v>123</v>
      </c>
      <c r="I19" s="394">
        <v>56</v>
      </c>
      <c r="J19" s="204">
        <v>0.45528455284552843</v>
      </c>
    </row>
    <row r="20" spans="1:12" ht="20.100000000000001" customHeight="1" thickBot="1" x14ac:dyDescent="0.25">
      <c r="A20" s="281" t="s">
        <v>84</v>
      </c>
      <c r="B20" s="63">
        <v>24</v>
      </c>
      <c r="C20" s="203">
        <v>60</v>
      </c>
      <c r="D20" s="204">
        <v>2.5</v>
      </c>
      <c r="E20" s="468">
        <v>21</v>
      </c>
      <c r="F20" s="394">
        <v>57</v>
      </c>
      <c r="G20" s="261">
        <v>2.7142857142857144</v>
      </c>
      <c r="H20" s="65">
        <v>3</v>
      </c>
      <c r="I20" s="394">
        <v>3</v>
      </c>
      <c r="J20" s="209">
        <v>1</v>
      </c>
    </row>
    <row r="21" spans="1:12" ht="20.100000000000001" customHeight="1" thickTop="1" thickBot="1" x14ac:dyDescent="0.25">
      <c r="A21" s="282" t="s">
        <v>65</v>
      </c>
      <c r="B21" s="4">
        <v>4415</v>
      </c>
      <c r="C21" s="6">
        <v>3906</v>
      </c>
      <c r="D21" s="207">
        <v>0.88471121177802947</v>
      </c>
      <c r="E21" s="5">
        <v>4286</v>
      </c>
      <c r="F21" s="6">
        <v>3846</v>
      </c>
      <c r="G21" s="262">
        <v>0.89734017732151194</v>
      </c>
      <c r="H21" s="4">
        <v>129</v>
      </c>
      <c r="I21" s="6">
        <v>60</v>
      </c>
      <c r="J21" s="207">
        <v>0.46511627906976744</v>
      </c>
    </row>
    <row r="22" spans="1:12" ht="20.100000000000001" customHeight="1" x14ac:dyDescent="0.2">
      <c r="A22" s="284"/>
      <c r="B22" s="81"/>
      <c r="C22" s="81"/>
      <c r="D22" s="156"/>
      <c r="E22" s="81"/>
      <c r="F22" s="81"/>
      <c r="G22" s="156"/>
      <c r="H22" s="81"/>
      <c r="I22" s="81"/>
      <c r="J22" s="113"/>
    </row>
    <row r="23" spans="1:12" ht="20.100000000000001" customHeight="1" thickBot="1" x14ac:dyDescent="0.25">
      <c r="A23" s="7" t="s">
        <v>144</v>
      </c>
    </row>
    <row r="24" spans="1:12" ht="20.100000000000001" customHeight="1" x14ac:dyDescent="0.2">
      <c r="A24" s="613" t="s">
        <v>198</v>
      </c>
      <c r="B24" s="613" t="s">
        <v>270</v>
      </c>
      <c r="C24" s="538" t="s">
        <v>13</v>
      </c>
      <c r="D24" s="539"/>
      <c r="E24" s="540"/>
      <c r="F24" s="615" t="s">
        <v>14</v>
      </c>
      <c r="G24" s="539"/>
      <c r="H24" s="616"/>
      <c r="I24" s="538" t="s">
        <v>15</v>
      </c>
      <c r="J24" s="539"/>
      <c r="K24" s="540"/>
    </row>
    <row r="25" spans="1:12" ht="20.100000000000001" customHeight="1" thickBot="1" x14ac:dyDescent="0.25">
      <c r="A25" s="614"/>
      <c r="B25" s="614"/>
      <c r="C25" s="211" t="s">
        <v>202</v>
      </c>
      <c r="D25" s="212" t="s">
        <v>203</v>
      </c>
      <c r="E25" s="213" t="s">
        <v>292</v>
      </c>
      <c r="F25" s="214" t="s">
        <v>202</v>
      </c>
      <c r="G25" s="212" t="s">
        <v>203</v>
      </c>
      <c r="H25" s="213" t="s">
        <v>292</v>
      </c>
      <c r="I25" s="211" t="s">
        <v>202</v>
      </c>
      <c r="J25" s="212" t="s">
        <v>203</v>
      </c>
      <c r="K25" s="213" t="s">
        <v>292</v>
      </c>
    </row>
    <row r="26" spans="1:12" ht="20.100000000000001" customHeight="1" thickTop="1" x14ac:dyDescent="0.2">
      <c r="A26" s="215" t="s">
        <v>40</v>
      </c>
      <c r="B26" s="466">
        <v>81</v>
      </c>
      <c r="C26" s="63">
        <v>1711</v>
      </c>
      <c r="D26" s="203">
        <v>1804</v>
      </c>
      <c r="E26" s="204">
        <v>1.0543541788427819</v>
      </c>
      <c r="F26" s="467">
        <v>1668</v>
      </c>
      <c r="G26" s="203">
        <v>1778</v>
      </c>
      <c r="H26" s="261">
        <v>1.065947242206235</v>
      </c>
      <c r="I26" s="63">
        <v>43</v>
      </c>
      <c r="J26" s="203">
        <v>26</v>
      </c>
      <c r="K26" s="204">
        <v>0.60465116279069764</v>
      </c>
    </row>
    <row r="27" spans="1:12" ht="20.100000000000001" customHeight="1" x14ac:dyDescent="0.2">
      <c r="A27" s="215" t="s">
        <v>41</v>
      </c>
      <c r="B27" s="466">
        <v>32</v>
      </c>
      <c r="C27" s="63">
        <v>1187</v>
      </c>
      <c r="D27" s="203">
        <v>787</v>
      </c>
      <c r="E27" s="204">
        <v>0.66301600673967986</v>
      </c>
      <c r="F27" s="467">
        <v>1161</v>
      </c>
      <c r="G27" s="203">
        <v>779</v>
      </c>
      <c r="H27" s="261">
        <v>0.67097329888027557</v>
      </c>
      <c r="I27" s="63">
        <v>26</v>
      </c>
      <c r="J27" s="203">
        <v>8</v>
      </c>
      <c r="K27" s="204">
        <v>0.30769230769230771</v>
      </c>
    </row>
    <row r="28" spans="1:12" ht="20.100000000000001" customHeight="1" x14ac:dyDescent="0.2">
      <c r="A28" s="215" t="s">
        <v>42</v>
      </c>
      <c r="B28" s="466">
        <v>20</v>
      </c>
      <c r="C28" s="63">
        <v>350</v>
      </c>
      <c r="D28" s="203">
        <v>305</v>
      </c>
      <c r="E28" s="204">
        <v>0.87142857142857144</v>
      </c>
      <c r="F28" s="467">
        <v>343</v>
      </c>
      <c r="G28" s="203">
        <v>299</v>
      </c>
      <c r="H28" s="261">
        <v>0.8717201166180758</v>
      </c>
      <c r="I28" s="63">
        <v>7</v>
      </c>
      <c r="J28" s="203">
        <v>6</v>
      </c>
      <c r="K28" s="204">
        <v>0.8571428571428571</v>
      </c>
    </row>
    <row r="29" spans="1:12" ht="20.100000000000001" customHeight="1" x14ac:dyDescent="0.2">
      <c r="A29" s="215" t="s">
        <v>43</v>
      </c>
      <c r="B29" s="466">
        <v>19</v>
      </c>
      <c r="C29" s="63">
        <v>275</v>
      </c>
      <c r="D29" s="203">
        <v>246</v>
      </c>
      <c r="E29" s="204">
        <v>0.89454545454545453</v>
      </c>
      <c r="F29" s="467">
        <v>271</v>
      </c>
      <c r="G29" s="203">
        <v>236</v>
      </c>
      <c r="H29" s="261">
        <v>0.87084870848708484</v>
      </c>
      <c r="I29" s="63">
        <v>4</v>
      </c>
      <c r="J29" s="203">
        <v>10</v>
      </c>
      <c r="K29" s="204">
        <v>2.5</v>
      </c>
    </row>
    <row r="30" spans="1:12" ht="20.100000000000001" customHeight="1" x14ac:dyDescent="0.2">
      <c r="A30" s="216" t="s">
        <v>44</v>
      </c>
      <c r="B30" s="466">
        <v>15</v>
      </c>
      <c r="C30" s="65">
        <v>152</v>
      </c>
      <c r="D30" s="203">
        <v>123</v>
      </c>
      <c r="E30" s="204">
        <v>0.80921052631578949</v>
      </c>
      <c r="F30" s="468">
        <v>143</v>
      </c>
      <c r="G30" s="394">
        <v>120</v>
      </c>
      <c r="H30" s="261">
        <v>0.83916083916083917</v>
      </c>
      <c r="I30" s="65">
        <v>9</v>
      </c>
      <c r="J30" s="394">
        <v>3</v>
      </c>
      <c r="K30" s="204">
        <v>0.33333333333333331</v>
      </c>
      <c r="L30" s="219"/>
    </row>
    <row r="31" spans="1:12" ht="20.100000000000001" customHeight="1" x14ac:dyDescent="0.2">
      <c r="A31" s="216" t="s">
        <v>45</v>
      </c>
      <c r="B31" s="466">
        <v>10</v>
      </c>
      <c r="C31" s="63">
        <v>250</v>
      </c>
      <c r="D31" s="203">
        <v>185</v>
      </c>
      <c r="E31" s="204">
        <v>0.74</v>
      </c>
      <c r="F31" s="468">
        <v>232</v>
      </c>
      <c r="G31" s="394">
        <v>182</v>
      </c>
      <c r="H31" s="261">
        <v>0.78448275862068961</v>
      </c>
      <c r="I31" s="65">
        <v>18</v>
      </c>
      <c r="J31" s="394">
        <v>3</v>
      </c>
      <c r="K31" s="204">
        <v>0.16666666666666666</v>
      </c>
      <c r="L31" s="210"/>
    </row>
    <row r="32" spans="1:12" ht="20.100000000000001" customHeight="1" x14ac:dyDescent="0.2">
      <c r="A32" s="216" t="s">
        <v>46</v>
      </c>
      <c r="B32" s="466">
        <v>22</v>
      </c>
      <c r="C32" s="63">
        <v>378</v>
      </c>
      <c r="D32" s="203">
        <v>313</v>
      </c>
      <c r="E32" s="204">
        <v>0.82804232804232802</v>
      </c>
      <c r="F32" s="468">
        <v>357</v>
      </c>
      <c r="G32" s="394">
        <v>309</v>
      </c>
      <c r="H32" s="261">
        <v>0.86554621848739499</v>
      </c>
      <c r="I32" s="65">
        <v>21</v>
      </c>
      <c r="J32" s="394">
        <v>4</v>
      </c>
      <c r="K32" s="204">
        <v>0.19047619047619047</v>
      </c>
      <c r="L32" s="210"/>
    </row>
    <row r="33" spans="1:12" ht="20.100000000000001" customHeight="1" thickBot="1" x14ac:dyDescent="0.25">
      <c r="A33" s="217" t="s">
        <v>47</v>
      </c>
      <c r="B33" s="466">
        <v>15</v>
      </c>
      <c r="C33" s="63">
        <v>112</v>
      </c>
      <c r="D33" s="203">
        <v>143</v>
      </c>
      <c r="E33" s="204">
        <v>1.2767857142857142</v>
      </c>
      <c r="F33" s="468">
        <v>111</v>
      </c>
      <c r="G33" s="394">
        <v>143</v>
      </c>
      <c r="H33" s="261">
        <v>1.2882882882882882</v>
      </c>
      <c r="I33" s="65">
        <v>1</v>
      </c>
      <c r="J33" s="394">
        <v>0</v>
      </c>
      <c r="K33" s="204">
        <v>0</v>
      </c>
      <c r="L33" s="219"/>
    </row>
    <row r="34" spans="1:12" ht="20.100000000000001" customHeight="1" thickTop="1" thickBot="1" x14ac:dyDescent="0.25">
      <c r="A34" s="3" t="s">
        <v>65</v>
      </c>
      <c r="B34" s="206">
        <v>214</v>
      </c>
      <c r="C34" s="4">
        <v>4415</v>
      </c>
      <c r="D34" s="6">
        <v>3906</v>
      </c>
      <c r="E34" s="207">
        <v>0.88471121177802947</v>
      </c>
      <c r="F34" s="5">
        <v>4286</v>
      </c>
      <c r="G34" s="6">
        <v>3846</v>
      </c>
      <c r="H34" s="262">
        <v>0.89734017732151194</v>
      </c>
      <c r="I34" s="4">
        <v>129</v>
      </c>
      <c r="J34" s="6">
        <v>60</v>
      </c>
      <c r="K34" s="207">
        <v>0.46511627906976744</v>
      </c>
    </row>
    <row r="35" spans="1:12" ht="20.100000000000001" customHeight="1" x14ac:dyDescent="0.2">
      <c r="H35" s="219"/>
    </row>
    <row r="36" spans="1:12" ht="20.100000000000001" customHeight="1" x14ac:dyDescent="0.2">
      <c r="H36" s="219"/>
    </row>
  </sheetData>
  <mergeCells count="14">
    <mergeCell ref="B15:D15"/>
    <mergeCell ref="E15:G15"/>
    <mergeCell ref="H15:J15"/>
    <mergeCell ref="A4:A5"/>
    <mergeCell ref="B4:B5"/>
    <mergeCell ref="C4:E4"/>
    <mergeCell ref="F4:H4"/>
    <mergeCell ref="I4:K4"/>
    <mergeCell ref="A15:A16"/>
    <mergeCell ref="A24:A25"/>
    <mergeCell ref="B24:B25"/>
    <mergeCell ref="C24:E24"/>
    <mergeCell ref="F24:H24"/>
    <mergeCell ref="I24:K24"/>
  </mergeCells>
  <phoneticPr fontId="1"/>
  <pageMargins left="0.82677165354330717" right="0.23622047244094491" top="0.74803149606299213" bottom="0.74803149606299213" header="0.31496062992125984" footer="0.31496062992125984"/>
  <pageSetup paperSize="9" scale="70" orientation="landscape" r:id="rId1"/>
  <headerFooter>
    <oddFooter>&amp;C&amp;P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49"/>
  <sheetViews>
    <sheetView view="pageBreakPreview" zoomScale="80" zoomScaleNormal="80" zoomScaleSheetLayoutView="80" workbookViewId="0"/>
  </sheetViews>
  <sheetFormatPr defaultColWidth="14.59765625" defaultRowHeight="20.100000000000001" customHeight="1" x14ac:dyDescent="0.2"/>
  <cols>
    <col min="1" max="1" width="14.59765625" style="287" customWidth="1"/>
    <col min="2" max="2" width="14.59765625" style="287"/>
    <col min="3" max="4" width="14.59765625" style="287" customWidth="1"/>
    <col min="5" max="8" width="14.69921875" style="287" customWidth="1"/>
    <col min="9" max="9" width="6.69921875" style="287" customWidth="1"/>
    <col min="10" max="11" width="14.69921875" style="287" customWidth="1"/>
    <col min="12" max="12" width="6.69921875" style="287" customWidth="1"/>
    <col min="13" max="17" width="14.69921875" style="287" customWidth="1"/>
    <col min="18" max="16384" width="14.59765625" style="287"/>
  </cols>
  <sheetData>
    <row r="1" spans="1:23" ht="20.100000000000001" customHeight="1" x14ac:dyDescent="0.2">
      <c r="A1" s="220" t="s">
        <v>123</v>
      </c>
      <c r="B1" s="220"/>
    </row>
    <row r="2" spans="1:23" ht="12" customHeight="1" x14ac:dyDescent="0.2">
      <c r="A2" s="221"/>
      <c r="B2" s="221"/>
      <c r="J2" s="617" t="s">
        <v>256</v>
      </c>
      <c r="K2" s="617"/>
      <c r="L2" s="617"/>
      <c r="M2" s="617" t="s">
        <v>257</v>
      </c>
      <c r="N2" s="618"/>
      <c r="O2" s="618"/>
    </row>
    <row r="3" spans="1:23" ht="20.100000000000001" customHeight="1" thickBot="1" x14ac:dyDescent="0.25">
      <c r="A3" s="287" t="s">
        <v>255</v>
      </c>
      <c r="J3" s="617"/>
      <c r="K3" s="617"/>
      <c r="L3" s="617"/>
      <c r="M3" s="619"/>
      <c r="N3" s="619"/>
      <c r="O3" s="619"/>
      <c r="P3" s="287" t="s">
        <v>188</v>
      </c>
    </row>
    <row r="4" spans="1:23" ht="24.6" customHeight="1" thickBot="1" x14ac:dyDescent="0.25">
      <c r="A4" s="222" t="s">
        <v>67</v>
      </c>
      <c r="B4" s="224" t="s">
        <v>274</v>
      </c>
      <c r="C4" s="248" t="s">
        <v>272</v>
      </c>
      <c r="D4" s="249" t="s">
        <v>275</v>
      </c>
      <c r="E4" s="250" t="s">
        <v>326</v>
      </c>
      <c r="F4" s="250" t="s">
        <v>295</v>
      </c>
      <c r="G4" s="289" t="s">
        <v>294</v>
      </c>
      <c r="H4" s="290" t="s">
        <v>222</v>
      </c>
      <c r="I4" s="223"/>
      <c r="J4" s="224" t="s">
        <v>67</v>
      </c>
      <c r="K4" s="251" t="s">
        <v>273</v>
      </c>
      <c r="M4" s="224" t="s">
        <v>67</v>
      </c>
      <c r="N4" s="291" t="s">
        <v>135</v>
      </c>
      <c r="O4" s="292" t="s">
        <v>137</v>
      </c>
      <c r="P4" s="293" t="s">
        <v>136</v>
      </c>
      <c r="Q4" s="294" t="s">
        <v>138</v>
      </c>
      <c r="S4" s="225"/>
      <c r="T4" s="225"/>
      <c r="U4" s="225"/>
      <c r="V4" s="225"/>
      <c r="W4" s="225"/>
    </row>
    <row r="5" spans="1:23" ht="20.100000000000001" customHeight="1" thickTop="1" x14ac:dyDescent="0.2">
      <c r="A5" s="226" t="s">
        <v>93</v>
      </c>
      <c r="B5" s="471">
        <v>56</v>
      </c>
      <c r="C5" s="472">
        <v>1</v>
      </c>
      <c r="D5" s="252">
        <v>1.7857142857142856E-2</v>
      </c>
      <c r="E5" s="473">
        <v>1</v>
      </c>
      <c r="F5" s="474">
        <v>0</v>
      </c>
      <c r="G5" s="475">
        <v>0</v>
      </c>
      <c r="H5" s="295">
        <v>1</v>
      </c>
      <c r="I5" s="223"/>
      <c r="J5" s="227" t="s">
        <v>93</v>
      </c>
      <c r="K5" s="476">
        <v>4</v>
      </c>
      <c r="M5" s="227" t="s">
        <v>93</v>
      </c>
      <c r="N5" s="477">
        <v>17</v>
      </c>
      <c r="O5" s="477">
        <v>31</v>
      </c>
      <c r="P5" s="478">
        <v>15</v>
      </c>
      <c r="Q5" s="479">
        <v>11</v>
      </c>
      <c r="S5" s="225"/>
      <c r="T5" s="225"/>
      <c r="U5" s="225"/>
      <c r="V5" s="225"/>
      <c r="W5" s="225"/>
    </row>
    <row r="6" spans="1:23" ht="20.100000000000001" customHeight="1" x14ac:dyDescent="0.2">
      <c r="A6" s="228" t="s">
        <v>130</v>
      </c>
      <c r="B6" s="480">
        <v>69</v>
      </c>
      <c r="C6" s="481">
        <v>14</v>
      </c>
      <c r="D6" s="253">
        <v>0.20289855072463769</v>
      </c>
      <c r="E6" s="482">
        <v>12</v>
      </c>
      <c r="F6" s="483">
        <v>10</v>
      </c>
      <c r="G6" s="483">
        <v>7</v>
      </c>
      <c r="H6" s="296">
        <v>29</v>
      </c>
      <c r="I6" s="223"/>
      <c r="J6" s="229" t="s">
        <v>130</v>
      </c>
      <c r="K6" s="484">
        <v>8</v>
      </c>
      <c r="M6" s="229" t="s">
        <v>130</v>
      </c>
      <c r="N6" s="485">
        <v>17</v>
      </c>
      <c r="O6" s="485">
        <v>22</v>
      </c>
      <c r="P6" s="485">
        <v>13</v>
      </c>
      <c r="Q6" s="486">
        <v>18</v>
      </c>
      <c r="S6" s="225"/>
      <c r="T6" s="225"/>
      <c r="U6" s="225"/>
      <c r="V6" s="225"/>
      <c r="W6" s="225"/>
    </row>
    <row r="7" spans="1:23" ht="20.100000000000001" customHeight="1" x14ac:dyDescent="0.2">
      <c r="A7" s="228" t="s">
        <v>131</v>
      </c>
      <c r="B7" s="480">
        <v>40</v>
      </c>
      <c r="C7" s="481">
        <v>14</v>
      </c>
      <c r="D7" s="253">
        <v>0.35</v>
      </c>
      <c r="E7" s="482">
        <v>31</v>
      </c>
      <c r="F7" s="483">
        <v>30</v>
      </c>
      <c r="G7" s="487">
        <v>20</v>
      </c>
      <c r="H7" s="296">
        <v>81</v>
      </c>
      <c r="I7" s="223"/>
      <c r="J7" s="229" t="s">
        <v>131</v>
      </c>
      <c r="K7" s="484">
        <v>7</v>
      </c>
      <c r="M7" s="229" t="s">
        <v>131</v>
      </c>
      <c r="N7" s="485">
        <v>7</v>
      </c>
      <c r="O7" s="485">
        <v>11</v>
      </c>
      <c r="P7" s="485">
        <v>5</v>
      </c>
      <c r="Q7" s="486">
        <v>8</v>
      </c>
      <c r="S7" s="225"/>
      <c r="T7" s="225"/>
      <c r="U7" s="225"/>
      <c r="V7" s="225"/>
      <c r="W7" s="225"/>
    </row>
    <row r="8" spans="1:23" ht="20.100000000000001" customHeight="1" x14ac:dyDescent="0.2">
      <c r="A8" s="228" t="s">
        <v>132</v>
      </c>
      <c r="B8" s="480">
        <v>30</v>
      </c>
      <c r="C8" s="481">
        <v>14</v>
      </c>
      <c r="D8" s="253">
        <v>0.46666666666666667</v>
      </c>
      <c r="E8" s="482">
        <v>46</v>
      </c>
      <c r="F8" s="483">
        <v>24</v>
      </c>
      <c r="G8" s="487">
        <v>19</v>
      </c>
      <c r="H8" s="296">
        <v>89</v>
      </c>
      <c r="I8" s="223"/>
      <c r="J8" s="229" t="s">
        <v>132</v>
      </c>
      <c r="K8" s="484">
        <v>3</v>
      </c>
      <c r="M8" s="229" t="s">
        <v>132</v>
      </c>
      <c r="N8" s="485">
        <v>2</v>
      </c>
      <c r="O8" s="485">
        <v>6</v>
      </c>
      <c r="P8" s="485">
        <v>5</v>
      </c>
      <c r="Q8" s="486">
        <v>8</v>
      </c>
      <c r="S8" s="225"/>
      <c r="T8" s="225"/>
      <c r="U8" s="225"/>
      <c r="V8" s="225"/>
      <c r="W8" s="225"/>
    </row>
    <row r="9" spans="1:23" ht="20.100000000000001" customHeight="1" x14ac:dyDescent="0.2">
      <c r="A9" s="228" t="s">
        <v>94</v>
      </c>
      <c r="B9" s="480">
        <v>17</v>
      </c>
      <c r="C9" s="481">
        <v>13</v>
      </c>
      <c r="D9" s="253">
        <v>0.76470588235294112</v>
      </c>
      <c r="E9" s="482">
        <v>36</v>
      </c>
      <c r="F9" s="483">
        <v>21</v>
      </c>
      <c r="G9" s="487">
        <v>15</v>
      </c>
      <c r="H9" s="296">
        <v>72</v>
      </c>
      <c r="I9" s="223"/>
      <c r="J9" s="229" t="s">
        <v>94</v>
      </c>
      <c r="K9" s="484">
        <v>5</v>
      </c>
      <c r="M9" s="229" t="s">
        <v>94</v>
      </c>
      <c r="N9" s="485">
        <v>0</v>
      </c>
      <c r="O9" s="485">
        <v>0</v>
      </c>
      <c r="P9" s="485">
        <v>0</v>
      </c>
      <c r="Q9" s="486">
        <v>4</v>
      </c>
      <c r="S9" s="225"/>
      <c r="T9" s="225"/>
      <c r="U9" s="225"/>
      <c r="V9" s="225"/>
      <c r="W9" s="225"/>
    </row>
    <row r="10" spans="1:23" ht="20.100000000000001" customHeight="1" thickBot="1" x14ac:dyDescent="0.25">
      <c r="A10" s="230" t="s">
        <v>133</v>
      </c>
      <c r="B10" s="488">
        <v>22</v>
      </c>
      <c r="C10" s="489">
        <v>20</v>
      </c>
      <c r="D10" s="254">
        <v>0.90909090909090906</v>
      </c>
      <c r="E10" s="490">
        <v>146</v>
      </c>
      <c r="F10" s="491">
        <v>52</v>
      </c>
      <c r="G10" s="492">
        <v>48</v>
      </c>
      <c r="H10" s="297">
        <v>246</v>
      </c>
      <c r="I10" s="223"/>
      <c r="J10" s="231" t="s">
        <v>133</v>
      </c>
      <c r="K10" s="493">
        <v>7</v>
      </c>
      <c r="M10" s="231" t="s">
        <v>133</v>
      </c>
      <c r="N10" s="494">
        <v>1</v>
      </c>
      <c r="O10" s="494">
        <v>0</v>
      </c>
      <c r="P10" s="495">
        <v>0</v>
      </c>
      <c r="Q10" s="496">
        <v>0</v>
      </c>
      <c r="S10" s="225"/>
      <c r="T10" s="225"/>
      <c r="U10" s="225"/>
      <c r="V10" s="225"/>
      <c r="W10" s="225"/>
    </row>
    <row r="11" spans="1:23" ht="20.100000000000001" customHeight="1" thickTop="1" thickBot="1" x14ac:dyDescent="0.25">
      <c r="A11" s="232" t="s">
        <v>65</v>
      </c>
      <c r="B11" s="233">
        <v>234</v>
      </c>
      <c r="C11" s="233">
        <v>76</v>
      </c>
      <c r="D11" s="255">
        <v>0.3247863247863248</v>
      </c>
      <c r="E11" s="234">
        <v>272</v>
      </c>
      <c r="F11" s="235">
        <v>137</v>
      </c>
      <c r="G11" s="235">
        <v>109</v>
      </c>
      <c r="H11" s="298">
        <v>518</v>
      </c>
      <c r="I11" s="223"/>
      <c r="J11" s="236" t="s">
        <v>65</v>
      </c>
      <c r="K11" s="237">
        <v>34</v>
      </c>
      <c r="M11" s="236" t="s">
        <v>65</v>
      </c>
      <c r="N11" s="299">
        <v>44</v>
      </c>
      <c r="O11" s="299">
        <v>70</v>
      </c>
      <c r="P11" s="299">
        <v>38</v>
      </c>
      <c r="Q11" s="300">
        <v>49</v>
      </c>
      <c r="S11" s="225"/>
      <c r="T11" s="225"/>
      <c r="U11" s="225"/>
      <c r="V11" s="225"/>
      <c r="W11" s="225"/>
    </row>
    <row r="12" spans="1:23" ht="12" customHeight="1" x14ac:dyDescent="0.2">
      <c r="A12" s="238"/>
      <c r="B12" s="238"/>
      <c r="C12" s="223"/>
      <c r="D12" s="223"/>
      <c r="E12" s="223"/>
      <c r="F12" s="223"/>
      <c r="G12" s="223"/>
      <c r="H12" s="223"/>
      <c r="I12" s="223"/>
      <c r="J12" s="238"/>
      <c r="K12" s="239"/>
      <c r="M12" s="238"/>
      <c r="N12" s="239"/>
      <c r="O12" s="239"/>
      <c r="P12" s="239"/>
      <c r="Q12" s="239"/>
      <c r="S12" s="225"/>
      <c r="T12" s="225"/>
      <c r="U12" s="225"/>
      <c r="V12" s="225"/>
      <c r="W12" s="225"/>
    </row>
    <row r="13" spans="1:23" ht="19.5" customHeight="1" thickBot="1" x14ac:dyDescent="0.25">
      <c r="A13" s="287" t="s">
        <v>250</v>
      </c>
      <c r="J13" s="287" t="s">
        <v>251</v>
      </c>
      <c r="M13" s="287" t="s">
        <v>252</v>
      </c>
      <c r="P13" s="287" t="s">
        <v>89</v>
      </c>
      <c r="S13" s="225"/>
      <c r="T13" s="225"/>
      <c r="U13" s="225"/>
      <c r="V13" s="225"/>
      <c r="W13" s="225"/>
    </row>
    <row r="14" spans="1:23" ht="24.6" customHeight="1" thickBot="1" x14ac:dyDescent="0.25">
      <c r="A14" s="222" t="s">
        <v>204</v>
      </c>
      <c r="B14" s="224" t="s">
        <v>274</v>
      </c>
      <c r="C14" s="248" t="s">
        <v>272</v>
      </c>
      <c r="D14" s="249" t="s">
        <v>275</v>
      </c>
      <c r="E14" s="250" t="s">
        <v>326</v>
      </c>
      <c r="F14" s="256" t="s">
        <v>295</v>
      </c>
      <c r="G14" s="289" t="s">
        <v>294</v>
      </c>
      <c r="H14" s="290" t="s">
        <v>222</v>
      </c>
      <c r="J14" s="224" t="s">
        <v>204</v>
      </c>
      <c r="K14" s="251" t="s">
        <v>273</v>
      </c>
      <c r="M14" s="224" t="s">
        <v>198</v>
      </c>
      <c r="N14" s="301" t="s">
        <v>135</v>
      </c>
      <c r="O14" s="293" t="s">
        <v>137</v>
      </c>
      <c r="P14" s="302" t="s">
        <v>136</v>
      </c>
      <c r="Q14" s="303" t="s">
        <v>138</v>
      </c>
      <c r="S14" s="225"/>
      <c r="T14" s="225"/>
      <c r="U14" s="225"/>
      <c r="V14" s="225"/>
      <c r="W14" s="225"/>
    </row>
    <row r="15" spans="1:23" ht="20.100000000000001" customHeight="1" thickTop="1" x14ac:dyDescent="0.2">
      <c r="A15" s="240" t="s">
        <v>87</v>
      </c>
      <c r="B15" s="471">
        <v>87</v>
      </c>
      <c r="C15" s="497">
        <v>34</v>
      </c>
      <c r="D15" s="257">
        <v>0.39080459770114945</v>
      </c>
      <c r="E15" s="498">
        <v>119</v>
      </c>
      <c r="F15" s="499">
        <v>72</v>
      </c>
      <c r="G15" s="500">
        <v>52</v>
      </c>
      <c r="H15" s="295">
        <v>243</v>
      </c>
      <c r="J15" s="227" t="s">
        <v>87</v>
      </c>
      <c r="K15" s="476">
        <v>16</v>
      </c>
      <c r="L15" s="239"/>
      <c r="M15" s="227" t="s">
        <v>87</v>
      </c>
      <c r="N15" s="501">
        <v>17</v>
      </c>
      <c r="O15" s="501">
        <v>23</v>
      </c>
      <c r="P15" s="502">
        <v>13</v>
      </c>
      <c r="Q15" s="476">
        <v>15</v>
      </c>
      <c r="S15" s="225"/>
      <c r="T15" s="225"/>
      <c r="U15" s="225"/>
      <c r="V15" s="225"/>
      <c r="W15" s="225"/>
    </row>
    <row r="16" spans="1:23" ht="20.100000000000001" customHeight="1" x14ac:dyDescent="0.2">
      <c r="A16" s="228" t="s">
        <v>88</v>
      </c>
      <c r="B16" s="480">
        <v>33</v>
      </c>
      <c r="C16" s="503">
        <v>13</v>
      </c>
      <c r="D16" s="175">
        <v>0.39393939393939392</v>
      </c>
      <c r="E16" s="504">
        <v>51</v>
      </c>
      <c r="F16" s="505">
        <v>19</v>
      </c>
      <c r="G16" s="506">
        <v>15</v>
      </c>
      <c r="H16" s="304">
        <v>85</v>
      </c>
      <c r="J16" s="229" t="s">
        <v>88</v>
      </c>
      <c r="K16" s="484">
        <v>7</v>
      </c>
      <c r="L16" s="239"/>
      <c r="M16" s="229" t="s">
        <v>88</v>
      </c>
      <c r="N16" s="485">
        <v>7</v>
      </c>
      <c r="O16" s="485">
        <v>5</v>
      </c>
      <c r="P16" s="485">
        <v>1</v>
      </c>
      <c r="Q16" s="484">
        <v>5</v>
      </c>
    </row>
    <row r="17" spans="1:17" ht="20.100000000000001" customHeight="1" x14ac:dyDescent="0.2">
      <c r="A17" s="228" t="s">
        <v>1</v>
      </c>
      <c r="B17" s="480">
        <v>23</v>
      </c>
      <c r="C17" s="503">
        <v>3</v>
      </c>
      <c r="D17" s="175">
        <v>0.13043478260869565</v>
      </c>
      <c r="E17" s="504">
        <v>39</v>
      </c>
      <c r="F17" s="507">
        <v>8</v>
      </c>
      <c r="G17" s="508">
        <v>11</v>
      </c>
      <c r="H17" s="305">
        <v>58</v>
      </c>
      <c r="J17" s="229" t="s">
        <v>1</v>
      </c>
      <c r="K17" s="484">
        <v>1</v>
      </c>
      <c r="L17" s="239"/>
      <c r="M17" s="229" t="s">
        <v>1</v>
      </c>
      <c r="N17" s="485">
        <v>4</v>
      </c>
      <c r="O17" s="485">
        <v>11</v>
      </c>
      <c r="P17" s="485">
        <v>6</v>
      </c>
      <c r="Q17" s="484">
        <v>6</v>
      </c>
    </row>
    <row r="18" spans="1:17" ht="20.100000000000001" customHeight="1" x14ac:dyDescent="0.2">
      <c r="A18" s="228" t="s">
        <v>4</v>
      </c>
      <c r="B18" s="480">
        <v>21</v>
      </c>
      <c r="C18" s="503">
        <v>6</v>
      </c>
      <c r="D18" s="175">
        <v>0.2857142857142857</v>
      </c>
      <c r="E18" s="504">
        <v>14</v>
      </c>
      <c r="F18" s="505">
        <v>8</v>
      </c>
      <c r="G18" s="506">
        <v>5</v>
      </c>
      <c r="H18" s="305">
        <v>27</v>
      </c>
      <c r="J18" s="229" t="s">
        <v>4</v>
      </c>
      <c r="K18" s="484">
        <v>2</v>
      </c>
      <c r="L18" s="239"/>
      <c r="M18" s="229" t="s">
        <v>4</v>
      </c>
      <c r="N18" s="485">
        <v>1</v>
      </c>
      <c r="O18" s="485">
        <v>8</v>
      </c>
      <c r="P18" s="485">
        <v>5</v>
      </c>
      <c r="Q18" s="484">
        <v>9</v>
      </c>
    </row>
    <row r="19" spans="1:17" ht="20.100000000000001" customHeight="1" x14ac:dyDescent="0.2">
      <c r="A19" s="228" t="s">
        <v>2</v>
      </c>
      <c r="B19" s="480">
        <v>17</v>
      </c>
      <c r="C19" s="503">
        <v>3</v>
      </c>
      <c r="D19" s="175">
        <v>0.17647058823529413</v>
      </c>
      <c r="E19" s="504">
        <v>10</v>
      </c>
      <c r="F19" s="505">
        <v>6</v>
      </c>
      <c r="G19" s="505">
        <v>11</v>
      </c>
      <c r="H19" s="305">
        <v>27</v>
      </c>
      <c r="J19" s="229" t="s">
        <v>2</v>
      </c>
      <c r="K19" s="484">
        <v>0</v>
      </c>
      <c r="L19" s="239"/>
      <c r="M19" s="229" t="s">
        <v>2</v>
      </c>
      <c r="N19" s="485">
        <v>6</v>
      </c>
      <c r="O19" s="485">
        <v>4</v>
      </c>
      <c r="P19" s="485">
        <v>2</v>
      </c>
      <c r="Q19" s="484">
        <v>5</v>
      </c>
    </row>
    <row r="20" spans="1:17" ht="20.100000000000001" customHeight="1" x14ac:dyDescent="0.2">
      <c r="A20" s="228" t="s">
        <v>3</v>
      </c>
      <c r="B20" s="480">
        <v>14</v>
      </c>
      <c r="C20" s="503">
        <v>7</v>
      </c>
      <c r="D20" s="175">
        <v>0.5</v>
      </c>
      <c r="E20" s="504">
        <v>26</v>
      </c>
      <c r="F20" s="505">
        <v>8</v>
      </c>
      <c r="G20" s="506">
        <v>6</v>
      </c>
      <c r="H20" s="305">
        <v>40</v>
      </c>
      <c r="J20" s="229" t="s">
        <v>3</v>
      </c>
      <c r="K20" s="484">
        <v>2</v>
      </c>
      <c r="L20" s="239"/>
      <c r="M20" s="229" t="s">
        <v>3</v>
      </c>
      <c r="N20" s="485">
        <v>1</v>
      </c>
      <c r="O20" s="485">
        <v>4</v>
      </c>
      <c r="P20" s="485">
        <v>2</v>
      </c>
      <c r="Q20" s="484">
        <v>1</v>
      </c>
    </row>
    <row r="21" spans="1:17" ht="20.100000000000001" customHeight="1" x14ac:dyDescent="0.2">
      <c r="A21" s="228" t="s">
        <v>6</v>
      </c>
      <c r="B21" s="480">
        <v>24</v>
      </c>
      <c r="C21" s="503">
        <v>6</v>
      </c>
      <c r="D21" s="175">
        <v>0.25</v>
      </c>
      <c r="E21" s="504">
        <v>6</v>
      </c>
      <c r="F21" s="505">
        <v>3</v>
      </c>
      <c r="G21" s="506">
        <v>3</v>
      </c>
      <c r="H21" s="305">
        <v>12</v>
      </c>
      <c r="J21" s="229" t="s">
        <v>6</v>
      </c>
      <c r="K21" s="484">
        <v>4</v>
      </c>
      <c r="L21" s="239"/>
      <c r="M21" s="229" t="s">
        <v>6</v>
      </c>
      <c r="N21" s="485">
        <v>4</v>
      </c>
      <c r="O21" s="485">
        <v>12</v>
      </c>
      <c r="P21" s="509">
        <v>7</v>
      </c>
      <c r="Q21" s="484">
        <v>3</v>
      </c>
    </row>
    <row r="22" spans="1:17" ht="20.100000000000001" customHeight="1" thickBot="1" x14ac:dyDescent="0.25">
      <c r="A22" s="230" t="s">
        <v>5</v>
      </c>
      <c r="B22" s="510">
        <v>15</v>
      </c>
      <c r="C22" s="511">
        <v>4</v>
      </c>
      <c r="D22" s="258">
        <v>0.26666666666666666</v>
      </c>
      <c r="E22" s="512">
        <v>7</v>
      </c>
      <c r="F22" s="513">
        <v>13</v>
      </c>
      <c r="G22" s="514">
        <v>6</v>
      </c>
      <c r="H22" s="306">
        <v>26</v>
      </c>
      <c r="J22" s="231" t="s">
        <v>5</v>
      </c>
      <c r="K22" s="493">
        <v>2</v>
      </c>
      <c r="L22" s="239"/>
      <c r="M22" s="231" t="s">
        <v>5</v>
      </c>
      <c r="N22" s="511">
        <v>4</v>
      </c>
      <c r="O22" s="511">
        <v>3</v>
      </c>
      <c r="P22" s="511">
        <v>2</v>
      </c>
      <c r="Q22" s="493">
        <v>5</v>
      </c>
    </row>
    <row r="23" spans="1:17" ht="20.100000000000001" customHeight="1" thickTop="1" thickBot="1" x14ac:dyDescent="0.25">
      <c r="A23" s="241" t="s">
        <v>134</v>
      </c>
      <c r="B23" s="271">
        <v>234</v>
      </c>
      <c r="C23" s="242">
        <v>76</v>
      </c>
      <c r="D23" s="259">
        <v>0.3247863247863248</v>
      </c>
      <c r="E23" s="243">
        <v>272</v>
      </c>
      <c r="F23" s="242">
        <v>137</v>
      </c>
      <c r="G23" s="242">
        <v>109</v>
      </c>
      <c r="H23" s="307">
        <v>518</v>
      </c>
      <c r="J23" s="236" t="s">
        <v>134</v>
      </c>
      <c r="K23" s="237">
        <v>34</v>
      </c>
      <c r="L23" s="239"/>
      <c r="M23" s="236" t="s">
        <v>134</v>
      </c>
      <c r="N23" s="308">
        <v>44</v>
      </c>
      <c r="O23" s="308">
        <v>70</v>
      </c>
      <c r="P23" s="308">
        <v>38</v>
      </c>
      <c r="Q23" s="237">
        <v>49</v>
      </c>
    </row>
    <row r="24" spans="1:17" ht="12" customHeight="1" x14ac:dyDescent="0.2">
      <c r="J24" s="238"/>
      <c r="K24" s="239"/>
      <c r="L24" s="239"/>
      <c r="M24" s="239"/>
    </row>
    <row r="25" spans="1:17" ht="20.100000000000001" customHeight="1" thickBot="1" x14ac:dyDescent="0.25">
      <c r="A25" s="287" t="s">
        <v>258</v>
      </c>
      <c r="M25" s="287" t="s">
        <v>253</v>
      </c>
      <c r="O25" s="225"/>
      <c r="P25" s="225"/>
    </row>
    <row r="26" spans="1:17" ht="20.100000000000001" customHeight="1" thickBot="1" x14ac:dyDescent="0.25">
      <c r="A26" s="34" t="s">
        <v>124</v>
      </c>
      <c r="B26" s="35"/>
      <c r="C26" s="35"/>
      <c r="D26" s="35"/>
      <c r="E26" s="35"/>
      <c r="F26" s="35"/>
      <c r="G26" s="36"/>
      <c r="H26" s="10" t="s">
        <v>125</v>
      </c>
      <c r="I26" s="284"/>
      <c r="J26" s="284"/>
      <c r="K26" s="284"/>
      <c r="L26" s="284"/>
      <c r="M26" s="269">
        <v>13</v>
      </c>
      <c r="N26" s="244" t="s">
        <v>328</v>
      </c>
      <c r="O26" s="244"/>
      <c r="P26" s="244"/>
      <c r="Q26" s="245"/>
    </row>
    <row r="27" spans="1:17" ht="20.100000000000001" customHeight="1" thickTop="1" x14ac:dyDescent="0.2">
      <c r="A27" s="286">
        <v>1</v>
      </c>
      <c r="B27" s="11" t="s">
        <v>104</v>
      </c>
      <c r="C27" s="12"/>
      <c r="D27" s="12"/>
      <c r="E27" s="12"/>
      <c r="F27" s="12"/>
      <c r="G27" s="12"/>
      <c r="H27" s="515">
        <v>111</v>
      </c>
      <c r="I27" s="118"/>
      <c r="J27" s="118"/>
      <c r="K27" s="118"/>
      <c r="L27" s="118"/>
      <c r="M27" s="270">
        <v>11</v>
      </c>
      <c r="N27" s="225" t="s">
        <v>329</v>
      </c>
      <c r="O27" s="225"/>
      <c r="P27" s="225"/>
      <c r="Q27" s="246"/>
    </row>
    <row r="28" spans="1:17" ht="20.100000000000001" customHeight="1" x14ac:dyDescent="0.2">
      <c r="A28" s="279">
        <v>2</v>
      </c>
      <c r="B28" s="13" t="s">
        <v>105</v>
      </c>
      <c r="C28" s="14"/>
      <c r="D28" s="14"/>
      <c r="E28" s="14"/>
      <c r="F28" s="14"/>
      <c r="G28" s="14"/>
      <c r="H28" s="516">
        <v>137</v>
      </c>
      <c r="I28" s="118"/>
      <c r="J28" s="118"/>
      <c r="K28" s="118"/>
      <c r="L28" s="118"/>
      <c r="M28" s="270">
        <v>8</v>
      </c>
      <c r="N28" s="225" t="s">
        <v>330</v>
      </c>
      <c r="O28" s="225"/>
      <c r="P28" s="225"/>
      <c r="Q28" s="246"/>
    </row>
    <row r="29" spans="1:17" ht="20.100000000000001" customHeight="1" x14ac:dyDescent="0.2">
      <c r="A29" s="279">
        <v>3</v>
      </c>
      <c r="B29" s="13" t="s">
        <v>106</v>
      </c>
      <c r="C29" s="14"/>
      <c r="D29" s="14"/>
      <c r="E29" s="14"/>
      <c r="F29" s="14"/>
      <c r="G29" s="14"/>
      <c r="H29" s="516">
        <v>94</v>
      </c>
      <c r="I29" s="118"/>
      <c r="J29" s="118"/>
      <c r="K29" s="118"/>
      <c r="L29" s="118"/>
      <c r="M29" s="270">
        <v>7</v>
      </c>
      <c r="N29" s="225" t="s">
        <v>331</v>
      </c>
      <c r="O29" s="225"/>
      <c r="P29" s="225"/>
      <c r="Q29" s="246"/>
    </row>
    <row r="30" spans="1:17" ht="20.100000000000001" customHeight="1" x14ac:dyDescent="0.2">
      <c r="A30" s="279">
        <v>4</v>
      </c>
      <c r="B30" s="13" t="s">
        <v>107</v>
      </c>
      <c r="C30" s="14"/>
      <c r="D30" s="14"/>
      <c r="E30" s="14"/>
      <c r="F30" s="14"/>
      <c r="G30" s="14"/>
      <c r="H30" s="516">
        <v>39</v>
      </c>
      <c r="I30" s="118"/>
      <c r="J30" s="118"/>
      <c r="K30" s="118"/>
      <c r="L30" s="118"/>
      <c r="M30" s="270">
        <v>6</v>
      </c>
      <c r="N30" s="225" t="s">
        <v>332</v>
      </c>
      <c r="O30" s="225"/>
      <c r="P30" s="225"/>
      <c r="Q30" s="246"/>
    </row>
    <row r="31" spans="1:17" ht="20.100000000000001" customHeight="1" x14ac:dyDescent="0.2">
      <c r="A31" s="279">
        <v>5</v>
      </c>
      <c r="B31" s="13" t="s">
        <v>108</v>
      </c>
      <c r="C31" s="14"/>
      <c r="D31" s="14"/>
      <c r="E31" s="14"/>
      <c r="F31" s="14"/>
      <c r="G31" s="14"/>
      <c r="H31" s="516">
        <v>37</v>
      </c>
      <c r="I31" s="118"/>
      <c r="J31" s="118"/>
      <c r="K31" s="118"/>
      <c r="L31" s="118"/>
      <c r="M31" s="270">
        <v>2</v>
      </c>
      <c r="N31" s="225" t="s">
        <v>334</v>
      </c>
      <c r="O31" s="225"/>
      <c r="P31" s="225"/>
      <c r="Q31" s="246"/>
    </row>
    <row r="32" spans="1:17" ht="20.100000000000001" customHeight="1" x14ac:dyDescent="0.2">
      <c r="A32" s="279">
        <v>6</v>
      </c>
      <c r="B32" s="13" t="s">
        <v>109</v>
      </c>
      <c r="C32" s="14"/>
      <c r="D32" s="14"/>
      <c r="E32" s="14"/>
      <c r="F32" s="14"/>
      <c r="G32" s="14"/>
      <c r="H32" s="516">
        <v>44</v>
      </c>
      <c r="I32" s="118"/>
      <c r="J32" s="118"/>
      <c r="K32" s="118"/>
      <c r="L32" s="118"/>
      <c r="M32" s="270">
        <v>4</v>
      </c>
      <c r="N32" s="225" t="s">
        <v>333</v>
      </c>
      <c r="O32" s="225"/>
      <c r="P32" s="225"/>
      <c r="Q32" s="246"/>
    </row>
    <row r="33" spans="1:17" ht="20.100000000000001" customHeight="1" x14ac:dyDescent="0.2">
      <c r="A33" s="279">
        <v>7</v>
      </c>
      <c r="B33" s="13" t="s">
        <v>110</v>
      </c>
      <c r="C33" s="14"/>
      <c r="D33" s="14"/>
      <c r="E33" s="14"/>
      <c r="F33" s="14"/>
      <c r="G33" s="14"/>
      <c r="H33" s="516">
        <v>61</v>
      </c>
      <c r="I33" s="118"/>
      <c r="J33" s="118"/>
      <c r="K33" s="118"/>
      <c r="L33" s="118"/>
      <c r="M33" s="270"/>
      <c r="N33" s="225"/>
      <c r="O33" s="225"/>
      <c r="P33" s="225"/>
      <c r="Q33" s="246"/>
    </row>
    <row r="34" spans="1:17" ht="20.100000000000001" customHeight="1" thickBot="1" x14ac:dyDescent="0.25">
      <c r="A34" s="279">
        <v>8</v>
      </c>
      <c r="B34" s="13" t="s">
        <v>111</v>
      </c>
      <c r="C34" s="14"/>
      <c r="D34" s="14"/>
      <c r="E34" s="14"/>
      <c r="F34" s="14"/>
      <c r="G34" s="14"/>
      <c r="H34" s="516">
        <v>51</v>
      </c>
      <c r="I34" s="118"/>
      <c r="J34" s="118"/>
      <c r="K34" s="118"/>
      <c r="L34" s="118"/>
      <c r="M34" s="309"/>
      <c r="N34" s="288"/>
      <c r="O34" s="288"/>
      <c r="P34" s="288"/>
      <c r="Q34" s="247"/>
    </row>
    <row r="35" spans="1:17" ht="20.100000000000001" customHeight="1" x14ac:dyDescent="0.2">
      <c r="A35" s="15">
        <v>9</v>
      </c>
      <c r="B35" s="16" t="s">
        <v>112</v>
      </c>
      <c r="C35" s="17"/>
      <c r="D35" s="17"/>
      <c r="E35" s="17"/>
      <c r="F35" s="17"/>
      <c r="G35" s="17"/>
      <c r="H35" s="516">
        <v>88</v>
      </c>
      <c r="I35" s="118"/>
      <c r="J35" s="118"/>
      <c r="K35" s="118"/>
      <c r="L35" s="118"/>
    </row>
    <row r="36" spans="1:17" ht="20.100000000000001" customHeight="1" x14ac:dyDescent="0.2">
      <c r="A36" s="15">
        <v>10</v>
      </c>
      <c r="B36" s="16" t="s">
        <v>126</v>
      </c>
      <c r="C36" s="17"/>
      <c r="D36" s="17"/>
      <c r="E36" s="17"/>
      <c r="F36" s="17"/>
      <c r="G36" s="17"/>
      <c r="H36" s="516">
        <v>79</v>
      </c>
    </row>
    <row r="37" spans="1:17" ht="20.100000000000001" customHeight="1" x14ac:dyDescent="0.2">
      <c r="A37" s="279">
        <v>11</v>
      </c>
      <c r="B37" s="13" t="s">
        <v>113</v>
      </c>
      <c r="C37" s="14"/>
      <c r="D37" s="14"/>
      <c r="E37" s="14"/>
      <c r="F37" s="14"/>
      <c r="G37" s="14"/>
      <c r="H37" s="516">
        <v>115</v>
      </c>
    </row>
    <row r="38" spans="1:17" ht="20.100000000000001" customHeight="1" x14ac:dyDescent="0.2">
      <c r="A38" s="279">
        <v>12</v>
      </c>
      <c r="B38" s="13" t="s">
        <v>114</v>
      </c>
      <c r="C38" s="14"/>
      <c r="D38" s="14"/>
      <c r="E38" s="14"/>
      <c r="F38" s="14"/>
      <c r="G38" s="14"/>
      <c r="H38" s="516">
        <v>96</v>
      </c>
      <c r="N38" s="225"/>
    </row>
    <row r="39" spans="1:17" ht="20.100000000000001" customHeight="1" x14ac:dyDescent="0.2">
      <c r="A39" s="279">
        <v>13</v>
      </c>
      <c r="B39" s="13" t="s">
        <v>115</v>
      </c>
      <c r="C39" s="14"/>
      <c r="D39" s="14"/>
      <c r="E39" s="14"/>
      <c r="F39" s="14"/>
      <c r="G39" s="14"/>
      <c r="H39" s="516">
        <v>131</v>
      </c>
    </row>
    <row r="40" spans="1:17" ht="20.100000000000001" customHeight="1" x14ac:dyDescent="0.2">
      <c r="A40" s="279">
        <v>14</v>
      </c>
      <c r="B40" s="13" t="s">
        <v>116</v>
      </c>
      <c r="C40" s="14"/>
      <c r="D40" s="14"/>
      <c r="E40" s="14"/>
      <c r="F40" s="14"/>
      <c r="G40" s="14"/>
      <c r="H40" s="516">
        <v>43</v>
      </c>
    </row>
    <row r="41" spans="1:17" ht="20.100000000000001" customHeight="1" x14ac:dyDescent="0.2">
      <c r="A41" s="279">
        <v>15</v>
      </c>
      <c r="B41" s="13" t="s">
        <v>117</v>
      </c>
      <c r="C41" s="14"/>
      <c r="D41" s="14"/>
      <c r="E41" s="14"/>
      <c r="F41" s="14"/>
      <c r="G41" s="14"/>
      <c r="H41" s="516">
        <v>304</v>
      </c>
    </row>
    <row r="42" spans="1:17" ht="20.100000000000001" customHeight="1" x14ac:dyDescent="0.2">
      <c r="A42" s="279">
        <v>16</v>
      </c>
      <c r="B42" s="13" t="s">
        <v>118</v>
      </c>
      <c r="C42" s="14"/>
      <c r="D42" s="14"/>
      <c r="E42" s="14"/>
      <c r="F42" s="14"/>
      <c r="G42" s="14"/>
      <c r="H42" s="516">
        <v>70</v>
      </c>
    </row>
    <row r="43" spans="1:17" ht="20.100000000000001" customHeight="1" x14ac:dyDescent="0.2">
      <c r="A43" s="279">
        <v>17</v>
      </c>
      <c r="B43" s="13" t="s">
        <v>119</v>
      </c>
      <c r="C43" s="14"/>
      <c r="D43" s="14"/>
      <c r="E43" s="14"/>
      <c r="F43" s="14"/>
      <c r="G43" s="14"/>
      <c r="H43" s="516">
        <v>133</v>
      </c>
      <c r="I43" s="225"/>
      <c r="J43" s="225"/>
      <c r="K43" s="225"/>
      <c r="L43" s="225"/>
    </row>
    <row r="44" spans="1:17" ht="20.100000000000001" customHeight="1" x14ac:dyDescent="0.2">
      <c r="A44" s="279">
        <v>18</v>
      </c>
      <c r="B44" s="13" t="s">
        <v>127</v>
      </c>
      <c r="C44" s="14"/>
      <c r="D44" s="14"/>
      <c r="E44" s="14"/>
      <c r="F44" s="14"/>
      <c r="G44" s="14"/>
      <c r="H44" s="516">
        <v>62</v>
      </c>
      <c r="I44" s="225"/>
      <c r="K44" s="225"/>
      <c r="L44" s="225"/>
    </row>
    <row r="45" spans="1:17" ht="20.100000000000001" customHeight="1" x14ac:dyDescent="0.2">
      <c r="A45" s="279">
        <v>19</v>
      </c>
      <c r="B45" s="13" t="s">
        <v>120</v>
      </c>
      <c r="C45" s="14"/>
      <c r="D45" s="14"/>
      <c r="E45" s="14"/>
      <c r="F45" s="14"/>
      <c r="G45" s="14"/>
      <c r="H45" s="516">
        <v>109</v>
      </c>
      <c r="I45" s="225"/>
      <c r="K45" s="225"/>
      <c r="L45" s="225"/>
    </row>
    <row r="46" spans="1:17" ht="20.100000000000001" customHeight="1" x14ac:dyDescent="0.2">
      <c r="A46" s="279">
        <v>20</v>
      </c>
      <c r="B46" s="13" t="s">
        <v>121</v>
      </c>
      <c r="C46" s="14"/>
      <c r="D46" s="14"/>
      <c r="E46" s="14"/>
      <c r="F46" s="14"/>
      <c r="G46" s="14"/>
      <c r="H46" s="516">
        <v>71</v>
      </c>
      <c r="I46" s="225"/>
      <c r="K46" s="225"/>
      <c r="L46" s="225"/>
    </row>
    <row r="47" spans="1:17" ht="20.100000000000001" customHeight="1" thickBot="1" x14ac:dyDescent="0.25">
      <c r="A47" s="18">
        <v>21</v>
      </c>
      <c r="B47" s="19" t="s">
        <v>122</v>
      </c>
      <c r="C47" s="20"/>
      <c r="D47" s="20"/>
      <c r="E47" s="20"/>
      <c r="F47" s="20"/>
      <c r="G47" s="20"/>
      <c r="H47" s="517">
        <v>44</v>
      </c>
      <c r="I47" s="225"/>
      <c r="K47" s="225"/>
      <c r="L47" s="225"/>
    </row>
    <row r="48" spans="1:17" ht="20.100000000000001" customHeight="1" thickTop="1" thickBot="1" x14ac:dyDescent="0.25">
      <c r="A48" s="21"/>
      <c r="B48" s="22"/>
      <c r="C48" s="22"/>
      <c r="D48" s="22"/>
      <c r="E48" s="22"/>
      <c r="F48" s="22"/>
      <c r="G48" s="33" t="s">
        <v>128</v>
      </c>
      <c r="H48" s="260">
        <v>1919</v>
      </c>
      <c r="I48" s="225"/>
      <c r="J48" s="225"/>
      <c r="K48" s="225"/>
      <c r="L48" s="225"/>
    </row>
    <row r="49" spans="12:15" ht="20.100000000000001" customHeight="1" x14ac:dyDescent="0.2">
      <c r="L49" s="225"/>
      <c r="M49" s="225"/>
      <c r="N49" s="225"/>
      <c r="O49" s="225"/>
    </row>
  </sheetData>
  <mergeCells count="2">
    <mergeCell ref="M2:O3"/>
    <mergeCell ref="J2:L3"/>
  </mergeCells>
  <phoneticPr fontId="1"/>
  <printOptions horizontalCentered="1"/>
  <pageMargins left="0.23622047244094491" right="0.23622047244094491" top="0.39370078740157483" bottom="0.35433070866141736" header="0.31496062992125984" footer="0.31496062992125984"/>
  <pageSetup paperSize="9" scale="56" orientation="landscape" r:id="rId1"/>
  <headerFooter>
    <oddFooter>&amp;C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6"/>
  <sheetViews>
    <sheetView showWhiteSpace="0" view="pageBreakPreview" zoomScale="80" zoomScaleNormal="70" zoomScaleSheetLayoutView="80" zoomScalePageLayoutView="50" workbookViewId="0"/>
  </sheetViews>
  <sheetFormatPr defaultColWidth="14.59765625" defaultRowHeight="20.100000000000001" customHeight="1" x14ac:dyDescent="0.2"/>
  <cols>
    <col min="1" max="1" width="14.59765625" style="90"/>
    <col min="2" max="16384" width="14.59765625" style="7"/>
  </cols>
  <sheetData>
    <row r="1" spans="1:16" ht="20.100000000000001" customHeight="1" x14ac:dyDescent="0.2">
      <c r="A1" s="311" t="s">
        <v>237</v>
      </c>
    </row>
    <row r="2" spans="1:16" ht="20.100000000000001" customHeight="1" x14ac:dyDescent="0.2">
      <c r="A2" s="311" t="s">
        <v>238</v>
      </c>
      <c r="D2" s="312" t="s">
        <v>96</v>
      </c>
      <c r="E2" s="313"/>
      <c r="I2" s="315"/>
    </row>
    <row r="3" spans="1:16" ht="20.100000000000001" customHeight="1" x14ac:dyDescent="0.2">
      <c r="A3" s="329"/>
      <c r="D3" s="312" t="s">
        <v>102</v>
      </c>
      <c r="E3" s="312" t="s">
        <v>281</v>
      </c>
    </row>
    <row r="4" spans="1:16" ht="20.100000000000001" customHeight="1" thickBot="1" x14ac:dyDescent="0.25">
      <c r="A4" s="99" t="s">
        <v>240</v>
      </c>
      <c r="D4" s="312" t="s">
        <v>95</v>
      </c>
      <c r="E4" s="312" t="s">
        <v>298</v>
      </c>
    </row>
    <row r="5" spans="1:16" ht="20.100000000000001" customHeight="1" x14ac:dyDescent="0.2">
      <c r="A5" s="518" t="s">
        <v>8</v>
      </c>
      <c r="B5" s="520" t="s">
        <v>13</v>
      </c>
      <c r="C5" s="521"/>
      <c r="D5" s="521"/>
      <c r="E5" s="521"/>
      <c r="F5" s="522"/>
      <c r="G5" s="520" t="s">
        <v>14</v>
      </c>
      <c r="H5" s="521"/>
      <c r="I5" s="521"/>
      <c r="J5" s="521"/>
      <c r="K5" s="522"/>
      <c r="L5" s="520" t="s">
        <v>15</v>
      </c>
      <c r="M5" s="521"/>
      <c r="N5" s="521"/>
      <c r="O5" s="521"/>
      <c r="P5" s="522"/>
    </row>
    <row r="6" spans="1:16" ht="20.100000000000001" customHeight="1" thickBot="1" x14ac:dyDescent="0.25">
      <c r="A6" s="519"/>
      <c r="B6" s="211" t="s">
        <v>282</v>
      </c>
      <c r="C6" s="212" t="s">
        <v>280</v>
      </c>
      <c r="D6" s="212" t="s">
        <v>189</v>
      </c>
      <c r="E6" s="212" t="s">
        <v>243</v>
      </c>
      <c r="F6" s="213" t="s">
        <v>212</v>
      </c>
      <c r="G6" s="211" t="s">
        <v>282</v>
      </c>
      <c r="H6" s="212" t="s">
        <v>280</v>
      </c>
      <c r="I6" s="212" t="s">
        <v>189</v>
      </c>
      <c r="J6" s="212" t="s">
        <v>243</v>
      </c>
      <c r="K6" s="213" t="s">
        <v>212</v>
      </c>
      <c r="L6" s="211" t="s">
        <v>282</v>
      </c>
      <c r="M6" s="212" t="s">
        <v>280</v>
      </c>
      <c r="N6" s="212" t="s">
        <v>189</v>
      </c>
      <c r="O6" s="212" t="s">
        <v>243</v>
      </c>
      <c r="P6" s="213" t="s">
        <v>212</v>
      </c>
    </row>
    <row r="7" spans="1:16" ht="20.100000000000001" customHeight="1" thickTop="1" x14ac:dyDescent="0.2">
      <c r="A7" s="215" t="s">
        <v>97</v>
      </c>
      <c r="B7" s="317">
        <v>16</v>
      </c>
      <c r="C7" s="318">
        <v>17</v>
      </c>
      <c r="D7" s="330">
        <v>16.5</v>
      </c>
      <c r="E7" s="326">
        <v>1</v>
      </c>
      <c r="F7" s="204">
        <v>6.0606060606060608E-2</v>
      </c>
      <c r="G7" s="321">
        <v>16</v>
      </c>
      <c r="H7" s="321">
        <v>17</v>
      </c>
      <c r="I7" s="319">
        <v>16.5</v>
      </c>
      <c r="J7" s="321">
        <v>1</v>
      </c>
      <c r="K7" s="204">
        <v>6.0606060606060608E-2</v>
      </c>
      <c r="L7" s="321">
        <v>0</v>
      </c>
      <c r="M7" s="321">
        <v>0</v>
      </c>
      <c r="N7" s="319">
        <v>0</v>
      </c>
      <c r="O7" s="321">
        <v>0</v>
      </c>
      <c r="P7" s="272" t="s">
        <v>335</v>
      </c>
    </row>
    <row r="8" spans="1:16" ht="20.100000000000001" customHeight="1" x14ac:dyDescent="0.2">
      <c r="A8" s="216" t="s">
        <v>98</v>
      </c>
      <c r="B8" s="320">
        <v>44</v>
      </c>
      <c r="C8" s="321">
        <v>34</v>
      </c>
      <c r="D8" s="319">
        <v>39</v>
      </c>
      <c r="E8" s="318">
        <v>15</v>
      </c>
      <c r="F8" s="204">
        <v>0.38461538461538464</v>
      </c>
      <c r="G8" s="321">
        <v>41</v>
      </c>
      <c r="H8" s="321">
        <v>27</v>
      </c>
      <c r="I8" s="319">
        <v>34</v>
      </c>
      <c r="J8" s="321">
        <v>13</v>
      </c>
      <c r="K8" s="204">
        <v>0.38235294117647056</v>
      </c>
      <c r="L8" s="321">
        <v>3</v>
      </c>
      <c r="M8" s="321">
        <v>7</v>
      </c>
      <c r="N8" s="319">
        <v>5</v>
      </c>
      <c r="O8" s="321">
        <v>2</v>
      </c>
      <c r="P8" s="175">
        <v>0.4</v>
      </c>
    </row>
    <row r="9" spans="1:16" ht="20.100000000000001" customHeight="1" x14ac:dyDescent="0.2">
      <c r="A9" s="216" t="s">
        <v>99</v>
      </c>
      <c r="B9" s="320">
        <v>44</v>
      </c>
      <c r="C9" s="321">
        <v>41</v>
      </c>
      <c r="D9" s="319">
        <v>42.5</v>
      </c>
      <c r="E9" s="318">
        <v>7</v>
      </c>
      <c r="F9" s="204">
        <v>0.16470588235294117</v>
      </c>
      <c r="G9" s="321">
        <v>44</v>
      </c>
      <c r="H9" s="321">
        <v>41</v>
      </c>
      <c r="I9" s="319">
        <v>42.5</v>
      </c>
      <c r="J9" s="321">
        <v>7</v>
      </c>
      <c r="K9" s="204">
        <v>0.16470588235294117</v>
      </c>
      <c r="L9" s="321">
        <v>0</v>
      </c>
      <c r="M9" s="321">
        <v>0</v>
      </c>
      <c r="N9" s="319">
        <v>0</v>
      </c>
      <c r="O9" s="321">
        <v>0</v>
      </c>
      <c r="P9" s="272" t="s">
        <v>335</v>
      </c>
    </row>
    <row r="10" spans="1:16" ht="20.100000000000001" customHeight="1" x14ac:dyDescent="0.2">
      <c r="A10" s="216" t="s">
        <v>100</v>
      </c>
      <c r="B10" s="320">
        <v>29</v>
      </c>
      <c r="C10" s="321">
        <v>30</v>
      </c>
      <c r="D10" s="319">
        <v>29.5</v>
      </c>
      <c r="E10" s="318">
        <v>4</v>
      </c>
      <c r="F10" s="204">
        <v>0.13559322033898305</v>
      </c>
      <c r="G10" s="321">
        <v>29</v>
      </c>
      <c r="H10" s="321">
        <v>30</v>
      </c>
      <c r="I10" s="319">
        <v>29.5</v>
      </c>
      <c r="J10" s="321">
        <v>4</v>
      </c>
      <c r="K10" s="204">
        <v>0.13559322033898305</v>
      </c>
      <c r="L10" s="321">
        <v>0</v>
      </c>
      <c r="M10" s="321">
        <v>0</v>
      </c>
      <c r="N10" s="319">
        <v>0</v>
      </c>
      <c r="O10" s="321">
        <v>0</v>
      </c>
      <c r="P10" s="272" t="s">
        <v>335</v>
      </c>
    </row>
    <row r="11" spans="1:16" ht="20.100000000000001" customHeight="1" x14ac:dyDescent="0.2">
      <c r="A11" s="216" t="s">
        <v>101</v>
      </c>
      <c r="B11" s="320">
        <v>13</v>
      </c>
      <c r="C11" s="321">
        <v>13</v>
      </c>
      <c r="D11" s="319">
        <v>13</v>
      </c>
      <c r="E11" s="318">
        <v>4</v>
      </c>
      <c r="F11" s="204">
        <v>0.30769230769230771</v>
      </c>
      <c r="G11" s="321">
        <v>13</v>
      </c>
      <c r="H11" s="321">
        <v>13</v>
      </c>
      <c r="I11" s="319">
        <v>13</v>
      </c>
      <c r="J11" s="321">
        <v>4</v>
      </c>
      <c r="K11" s="204">
        <v>0.30769230769230771</v>
      </c>
      <c r="L11" s="321">
        <v>0</v>
      </c>
      <c r="M11" s="321">
        <v>0</v>
      </c>
      <c r="N11" s="319">
        <v>0</v>
      </c>
      <c r="O11" s="321">
        <v>0</v>
      </c>
      <c r="P11" s="272" t="s">
        <v>335</v>
      </c>
    </row>
    <row r="12" spans="1:16" ht="20.100000000000001" customHeight="1" thickBot="1" x14ac:dyDescent="0.25">
      <c r="A12" s="217" t="s">
        <v>11</v>
      </c>
      <c r="B12" s="322">
        <v>19</v>
      </c>
      <c r="C12" s="323">
        <v>17</v>
      </c>
      <c r="D12" s="324">
        <v>18</v>
      </c>
      <c r="E12" s="318">
        <v>2</v>
      </c>
      <c r="F12" s="184">
        <v>0.1111111111111111</v>
      </c>
      <c r="G12" s="321">
        <v>19</v>
      </c>
      <c r="H12" s="321">
        <v>16</v>
      </c>
      <c r="I12" s="324">
        <v>17.5</v>
      </c>
      <c r="J12" s="321">
        <v>2</v>
      </c>
      <c r="K12" s="184">
        <v>0.11428571428571428</v>
      </c>
      <c r="L12" s="321">
        <v>0</v>
      </c>
      <c r="M12" s="321">
        <v>1</v>
      </c>
      <c r="N12" s="324">
        <v>0.5</v>
      </c>
      <c r="O12" s="321">
        <v>0</v>
      </c>
      <c r="P12" s="175">
        <v>0</v>
      </c>
    </row>
    <row r="13" spans="1:16" ht="20.100000000000001" customHeight="1" thickTop="1" thickBot="1" x14ac:dyDescent="0.25">
      <c r="A13" s="3" t="s">
        <v>16</v>
      </c>
      <c r="B13" s="263">
        <v>165</v>
      </c>
      <c r="C13" s="264">
        <v>152</v>
      </c>
      <c r="D13" s="265">
        <v>158.5</v>
      </c>
      <c r="E13" s="266">
        <v>33</v>
      </c>
      <c r="F13" s="207">
        <v>0.20820189274447951</v>
      </c>
      <c r="G13" s="263">
        <v>162</v>
      </c>
      <c r="H13" s="264">
        <v>144</v>
      </c>
      <c r="I13" s="265">
        <v>153</v>
      </c>
      <c r="J13" s="266">
        <v>31</v>
      </c>
      <c r="K13" s="207">
        <v>0.20261437908496732</v>
      </c>
      <c r="L13" s="263">
        <v>3</v>
      </c>
      <c r="M13" s="264">
        <v>8</v>
      </c>
      <c r="N13" s="265">
        <v>5.5</v>
      </c>
      <c r="O13" s="266">
        <v>2</v>
      </c>
      <c r="P13" s="207">
        <v>0.36363636363636365</v>
      </c>
    </row>
    <row r="15" spans="1:16" ht="20.100000000000001" customHeight="1" thickBot="1" x14ac:dyDescent="0.25">
      <c r="A15" s="99" t="s">
        <v>17</v>
      </c>
    </row>
    <row r="16" spans="1:16" ht="20.100000000000001" customHeight="1" x14ac:dyDescent="0.2">
      <c r="A16" s="518" t="s">
        <v>82</v>
      </c>
      <c r="B16" s="520" t="s">
        <v>13</v>
      </c>
      <c r="C16" s="521"/>
      <c r="D16" s="521"/>
      <c r="E16" s="521"/>
      <c r="F16" s="522"/>
      <c r="G16" s="520" t="s">
        <v>14</v>
      </c>
      <c r="H16" s="521"/>
      <c r="I16" s="521"/>
      <c r="J16" s="521"/>
      <c r="K16" s="522"/>
      <c r="L16" s="520" t="s">
        <v>15</v>
      </c>
      <c r="M16" s="521"/>
      <c r="N16" s="521"/>
      <c r="O16" s="521"/>
      <c r="P16" s="522"/>
    </row>
    <row r="17" spans="1:16" ht="20.100000000000001" customHeight="1" thickBot="1" x14ac:dyDescent="0.25">
      <c r="A17" s="519"/>
      <c r="B17" s="211" t="s">
        <v>282</v>
      </c>
      <c r="C17" s="212" t="s">
        <v>280</v>
      </c>
      <c r="D17" s="212" t="s">
        <v>189</v>
      </c>
      <c r="E17" s="212" t="s">
        <v>243</v>
      </c>
      <c r="F17" s="213" t="s">
        <v>212</v>
      </c>
      <c r="G17" s="211" t="s">
        <v>282</v>
      </c>
      <c r="H17" s="212" t="s">
        <v>280</v>
      </c>
      <c r="I17" s="212" t="s">
        <v>189</v>
      </c>
      <c r="J17" s="212" t="s">
        <v>243</v>
      </c>
      <c r="K17" s="213" t="s">
        <v>212</v>
      </c>
      <c r="L17" s="211" t="s">
        <v>282</v>
      </c>
      <c r="M17" s="212" t="s">
        <v>280</v>
      </c>
      <c r="N17" s="212" t="s">
        <v>189</v>
      </c>
      <c r="O17" s="212" t="s">
        <v>243</v>
      </c>
      <c r="P17" s="213" t="s">
        <v>212</v>
      </c>
    </row>
    <row r="18" spans="1:16" ht="20.100000000000001" customHeight="1" thickTop="1" x14ac:dyDescent="0.2">
      <c r="A18" s="215" t="s">
        <v>18</v>
      </c>
      <c r="B18" s="317">
        <v>0</v>
      </c>
      <c r="C18" s="318">
        <v>0</v>
      </c>
      <c r="D18" s="319">
        <v>0</v>
      </c>
      <c r="E18" s="326">
        <v>0</v>
      </c>
      <c r="F18" s="272" t="s">
        <v>335</v>
      </c>
      <c r="G18" s="317">
        <v>0</v>
      </c>
      <c r="H18" s="318">
        <v>0</v>
      </c>
      <c r="I18" s="319">
        <v>0</v>
      </c>
      <c r="J18" s="318">
        <v>0</v>
      </c>
      <c r="K18" s="272" t="s">
        <v>335</v>
      </c>
      <c r="L18" s="317">
        <v>0</v>
      </c>
      <c r="M18" s="318">
        <v>0</v>
      </c>
      <c r="N18" s="319">
        <v>0</v>
      </c>
      <c r="O18" s="318">
        <v>0</v>
      </c>
      <c r="P18" s="272" t="s">
        <v>335</v>
      </c>
    </row>
    <row r="19" spans="1:16" ht="20.100000000000001" customHeight="1" x14ac:dyDescent="0.2">
      <c r="A19" s="216" t="s">
        <v>19</v>
      </c>
      <c r="B19" s="317">
        <v>0</v>
      </c>
      <c r="C19" s="318">
        <v>0</v>
      </c>
      <c r="D19" s="319">
        <v>0</v>
      </c>
      <c r="E19" s="318">
        <v>0</v>
      </c>
      <c r="F19" s="331" t="s">
        <v>335</v>
      </c>
      <c r="G19" s="320">
        <v>0</v>
      </c>
      <c r="H19" s="321">
        <v>0</v>
      </c>
      <c r="I19" s="319">
        <v>0</v>
      </c>
      <c r="J19" s="321">
        <v>0</v>
      </c>
      <c r="K19" s="273" t="s">
        <v>335</v>
      </c>
      <c r="L19" s="320">
        <v>0</v>
      </c>
      <c r="M19" s="321">
        <v>0</v>
      </c>
      <c r="N19" s="319">
        <v>0</v>
      </c>
      <c r="O19" s="321">
        <v>0</v>
      </c>
      <c r="P19" s="272" t="s">
        <v>335</v>
      </c>
    </row>
    <row r="20" spans="1:16" ht="20.100000000000001" customHeight="1" x14ac:dyDescent="0.2">
      <c r="A20" s="216" t="s">
        <v>20</v>
      </c>
      <c r="B20" s="317">
        <v>152</v>
      </c>
      <c r="C20" s="318">
        <v>141</v>
      </c>
      <c r="D20" s="319">
        <v>146.5</v>
      </c>
      <c r="E20" s="318">
        <v>29</v>
      </c>
      <c r="F20" s="204">
        <v>0.19795221843003413</v>
      </c>
      <c r="G20" s="320">
        <v>150</v>
      </c>
      <c r="H20" s="321">
        <v>134</v>
      </c>
      <c r="I20" s="319">
        <v>142</v>
      </c>
      <c r="J20" s="321">
        <v>27</v>
      </c>
      <c r="K20" s="204">
        <v>0.19014084507042253</v>
      </c>
      <c r="L20" s="320">
        <v>2</v>
      </c>
      <c r="M20" s="321">
        <v>7</v>
      </c>
      <c r="N20" s="319">
        <v>4.5</v>
      </c>
      <c r="O20" s="321">
        <v>2</v>
      </c>
      <c r="P20" s="204">
        <v>0.44444444444444442</v>
      </c>
    </row>
    <row r="21" spans="1:16" ht="20.100000000000001" customHeight="1" thickBot="1" x14ac:dyDescent="0.25">
      <c r="A21" s="217" t="s">
        <v>21</v>
      </c>
      <c r="B21" s="322">
        <v>13</v>
      </c>
      <c r="C21" s="323">
        <v>11</v>
      </c>
      <c r="D21" s="324">
        <v>12</v>
      </c>
      <c r="E21" s="323">
        <v>4</v>
      </c>
      <c r="F21" s="184">
        <v>0.33333333333333331</v>
      </c>
      <c r="G21" s="322">
        <v>12</v>
      </c>
      <c r="H21" s="323">
        <v>10</v>
      </c>
      <c r="I21" s="324">
        <v>11</v>
      </c>
      <c r="J21" s="323">
        <v>4</v>
      </c>
      <c r="K21" s="184">
        <v>0.36363636363636365</v>
      </c>
      <c r="L21" s="322">
        <v>1</v>
      </c>
      <c r="M21" s="323">
        <v>1</v>
      </c>
      <c r="N21" s="324">
        <v>1</v>
      </c>
      <c r="O21" s="323">
        <v>0</v>
      </c>
      <c r="P21" s="184">
        <v>0</v>
      </c>
    </row>
    <row r="22" spans="1:16" ht="20.100000000000001" customHeight="1" thickTop="1" thickBot="1" x14ac:dyDescent="0.25">
      <c r="A22" s="3" t="s">
        <v>16</v>
      </c>
      <c r="B22" s="263">
        <v>165</v>
      </c>
      <c r="C22" s="266">
        <v>152</v>
      </c>
      <c r="D22" s="265">
        <v>158.5</v>
      </c>
      <c r="E22" s="266">
        <v>33</v>
      </c>
      <c r="F22" s="207">
        <v>0.20820189274447951</v>
      </c>
      <c r="G22" s="263">
        <v>162</v>
      </c>
      <c r="H22" s="264">
        <v>144</v>
      </c>
      <c r="I22" s="265">
        <v>153</v>
      </c>
      <c r="J22" s="266">
        <v>31</v>
      </c>
      <c r="K22" s="207">
        <v>0.20261437908496732</v>
      </c>
      <c r="L22" s="263">
        <v>3</v>
      </c>
      <c r="M22" s="264">
        <v>8</v>
      </c>
      <c r="N22" s="265">
        <v>5.5</v>
      </c>
      <c r="O22" s="266">
        <v>2</v>
      </c>
      <c r="P22" s="207">
        <v>0.36363636363636365</v>
      </c>
    </row>
    <row r="24" spans="1:16" ht="20.100000000000001" customHeight="1" thickBot="1" x14ac:dyDescent="0.25">
      <c r="A24" s="99" t="s">
        <v>22</v>
      </c>
      <c r="G24" s="316"/>
      <c r="H24" s="316"/>
      <c r="I24" s="316"/>
      <c r="J24" s="316"/>
      <c r="K24" s="316"/>
      <c r="L24" s="316"/>
      <c r="M24" s="316"/>
      <c r="N24" s="316"/>
      <c r="O24" s="316"/>
    </row>
    <row r="25" spans="1:16" ht="20.100000000000001" customHeight="1" x14ac:dyDescent="0.2">
      <c r="A25" s="518" t="s">
        <v>23</v>
      </c>
      <c r="B25" s="520" t="s">
        <v>13</v>
      </c>
      <c r="C25" s="521"/>
      <c r="D25" s="521"/>
      <c r="E25" s="521"/>
      <c r="F25" s="522"/>
      <c r="G25" s="520" t="s">
        <v>14</v>
      </c>
      <c r="H25" s="521"/>
      <c r="I25" s="521"/>
      <c r="J25" s="521"/>
      <c r="K25" s="522"/>
      <c r="L25" s="520" t="s">
        <v>15</v>
      </c>
      <c r="M25" s="521"/>
      <c r="N25" s="521"/>
      <c r="O25" s="521"/>
      <c r="P25" s="522"/>
    </row>
    <row r="26" spans="1:16" s="332" customFormat="1" ht="20.100000000000001" customHeight="1" thickBot="1" x14ac:dyDescent="0.25">
      <c r="A26" s="519"/>
      <c r="B26" s="211" t="s">
        <v>282</v>
      </c>
      <c r="C26" s="212" t="s">
        <v>280</v>
      </c>
      <c r="D26" s="212" t="s">
        <v>189</v>
      </c>
      <c r="E26" s="212" t="s">
        <v>243</v>
      </c>
      <c r="F26" s="213" t="s">
        <v>212</v>
      </c>
      <c r="G26" s="211" t="s">
        <v>282</v>
      </c>
      <c r="H26" s="212" t="s">
        <v>280</v>
      </c>
      <c r="I26" s="212" t="s">
        <v>189</v>
      </c>
      <c r="J26" s="212" t="s">
        <v>243</v>
      </c>
      <c r="K26" s="213" t="s">
        <v>212</v>
      </c>
      <c r="L26" s="211" t="s">
        <v>282</v>
      </c>
      <c r="M26" s="212" t="s">
        <v>280</v>
      </c>
      <c r="N26" s="212" t="s">
        <v>189</v>
      </c>
      <c r="O26" s="212" t="s">
        <v>243</v>
      </c>
      <c r="P26" s="213" t="s">
        <v>212</v>
      </c>
    </row>
    <row r="27" spans="1:16" ht="20.100000000000001" customHeight="1" thickTop="1" x14ac:dyDescent="0.2">
      <c r="A27" s="215" t="s">
        <v>24</v>
      </c>
      <c r="B27" s="317">
        <v>68</v>
      </c>
      <c r="C27" s="318">
        <v>61</v>
      </c>
      <c r="D27" s="319">
        <v>64.5</v>
      </c>
      <c r="E27" s="326">
        <v>11</v>
      </c>
      <c r="F27" s="204">
        <v>0.17054263565891473</v>
      </c>
      <c r="G27" s="317">
        <v>66</v>
      </c>
      <c r="H27" s="318">
        <v>60</v>
      </c>
      <c r="I27" s="319">
        <v>63</v>
      </c>
      <c r="J27" s="318">
        <v>10</v>
      </c>
      <c r="K27" s="204">
        <v>0.15873015873015872</v>
      </c>
      <c r="L27" s="317">
        <v>2</v>
      </c>
      <c r="M27" s="318">
        <v>1</v>
      </c>
      <c r="N27" s="319">
        <v>1.5</v>
      </c>
      <c r="O27" s="318">
        <v>1</v>
      </c>
      <c r="P27" s="204">
        <v>0.66666666666666663</v>
      </c>
    </row>
    <row r="28" spans="1:16" ht="20.100000000000001" customHeight="1" x14ac:dyDescent="0.2">
      <c r="A28" s="216" t="s">
        <v>25</v>
      </c>
      <c r="B28" s="320">
        <v>18</v>
      </c>
      <c r="C28" s="321">
        <v>20</v>
      </c>
      <c r="D28" s="319">
        <v>19</v>
      </c>
      <c r="E28" s="321">
        <v>6</v>
      </c>
      <c r="F28" s="204">
        <v>0.31578947368421051</v>
      </c>
      <c r="G28" s="320">
        <v>18</v>
      </c>
      <c r="H28" s="321">
        <v>14</v>
      </c>
      <c r="I28" s="319">
        <v>16</v>
      </c>
      <c r="J28" s="321">
        <v>5</v>
      </c>
      <c r="K28" s="204">
        <v>0.3125</v>
      </c>
      <c r="L28" s="320">
        <v>0</v>
      </c>
      <c r="M28" s="321">
        <v>6</v>
      </c>
      <c r="N28" s="319">
        <v>3</v>
      </c>
      <c r="O28" s="321">
        <v>1</v>
      </c>
      <c r="P28" s="175">
        <v>0.33333333333333331</v>
      </c>
    </row>
    <row r="29" spans="1:16" ht="20.100000000000001" customHeight="1" x14ac:dyDescent="0.2">
      <c r="A29" s="216" t="s">
        <v>26</v>
      </c>
      <c r="B29" s="320">
        <v>11</v>
      </c>
      <c r="C29" s="321">
        <v>9</v>
      </c>
      <c r="D29" s="319">
        <v>10</v>
      </c>
      <c r="E29" s="321">
        <v>5</v>
      </c>
      <c r="F29" s="204">
        <v>0.5</v>
      </c>
      <c r="G29" s="320">
        <v>11</v>
      </c>
      <c r="H29" s="321">
        <v>9</v>
      </c>
      <c r="I29" s="319">
        <v>10</v>
      </c>
      <c r="J29" s="321">
        <v>5</v>
      </c>
      <c r="K29" s="204">
        <v>0.5</v>
      </c>
      <c r="L29" s="320">
        <v>0</v>
      </c>
      <c r="M29" s="321">
        <v>0</v>
      </c>
      <c r="N29" s="319">
        <v>0</v>
      </c>
      <c r="O29" s="321">
        <v>0</v>
      </c>
      <c r="P29" s="331" t="s">
        <v>335</v>
      </c>
    </row>
    <row r="30" spans="1:16" ht="20.100000000000001" customHeight="1" x14ac:dyDescent="0.2">
      <c r="A30" s="216" t="s">
        <v>27</v>
      </c>
      <c r="B30" s="320">
        <v>8</v>
      </c>
      <c r="C30" s="321">
        <v>8</v>
      </c>
      <c r="D30" s="319">
        <v>8</v>
      </c>
      <c r="E30" s="321">
        <v>2</v>
      </c>
      <c r="F30" s="204">
        <v>0.25</v>
      </c>
      <c r="G30" s="321">
        <v>8</v>
      </c>
      <c r="H30" s="321">
        <v>8</v>
      </c>
      <c r="I30" s="319">
        <v>8</v>
      </c>
      <c r="J30" s="321">
        <v>2</v>
      </c>
      <c r="K30" s="204">
        <v>0.25</v>
      </c>
      <c r="L30" s="321">
        <v>0</v>
      </c>
      <c r="M30" s="321">
        <v>0</v>
      </c>
      <c r="N30" s="319">
        <v>0</v>
      </c>
      <c r="O30" s="321">
        <v>0</v>
      </c>
      <c r="P30" s="272" t="s">
        <v>335</v>
      </c>
    </row>
    <row r="31" spans="1:16" ht="20.100000000000001" customHeight="1" x14ac:dyDescent="0.2">
      <c r="A31" s="216" t="s">
        <v>28</v>
      </c>
      <c r="B31" s="320">
        <v>8</v>
      </c>
      <c r="C31" s="321">
        <v>7</v>
      </c>
      <c r="D31" s="319">
        <v>7.5</v>
      </c>
      <c r="E31" s="321">
        <v>1</v>
      </c>
      <c r="F31" s="204">
        <v>0.13333333333333333</v>
      </c>
      <c r="G31" s="321">
        <v>7</v>
      </c>
      <c r="H31" s="321">
        <v>6</v>
      </c>
      <c r="I31" s="319">
        <v>6.5</v>
      </c>
      <c r="J31" s="321">
        <v>1</v>
      </c>
      <c r="K31" s="204">
        <v>0.15384615384615385</v>
      </c>
      <c r="L31" s="321">
        <v>1</v>
      </c>
      <c r="M31" s="321">
        <v>1</v>
      </c>
      <c r="N31" s="319">
        <v>1</v>
      </c>
      <c r="O31" s="321">
        <v>0</v>
      </c>
      <c r="P31" s="175">
        <v>0</v>
      </c>
    </row>
    <row r="32" spans="1:16" ht="20.100000000000001" customHeight="1" x14ac:dyDescent="0.2">
      <c r="A32" s="216" t="s">
        <v>29</v>
      </c>
      <c r="B32" s="320">
        <v>4</v>
      </c>
      <c r="C32" s="321">
        <v>3</v>
      </c>
      <c r="D32" s="319">
        <v>3.5</v>
      </c>
      <c r="E32" s="321">
        <v>1</v>
      </c>
      <c r="F32" s="204">
        <v>0.2857142857142857</v>
      </c>
      <c r="G32" s="321">
        <v>4</v>
      </c>
      <c r="H32" s="321">
        <v>3</v>
      </c>
      <c r="I32" s="319">
        <v>3.5</v>
      </c>
      <c r="J32" s="321">
        <v>1</v>
      </c>
      <c r="K32" s="204">
        <v>0.2857142857142857</v>
      </c>
      <c r="L32" s="321">
        <v>0</v>
      </c>
      <c r="M32" s="321">
        <v>0</v>
      </c>
      <c r="N32" s="319">
        <v>0</v>
      </c>
      <c r="O32" s="321">
        <v>0</v>
      </c>
      <c r="P32" s="272" t="s">
        <v>335</v>
      </c>
    </row>
    <row r="33" spans="1:16" ht="20.100000000000001" customHeight="1" x14ac:dyDescent="0.2">
      <c r="A33" s="216" t="s">
        <v>30</v>
      </c>
      <c r="B33" s="320">
        <v>30</v>
      </c>
      <c r="C33" s="321">
        <v>28</v>
      </c>
      <c r="D33" s="319">
        <v>29</v>
      </c>
      <c r="E33" s="321">
        <v>5</v>
      </c>
      <c r="F33" s="204">
        <v>0.17241379310344829</v>
      </c>
      <c r="G33" s="321">
        <v>30</v>
      </c>
      <c r="H33" s="321">
        <v>28</v>
      </c>
      <c r="I33" s="319">
        <v>29</v>
      </c>
      <c r="J33" s="321">
        <v>5</v>
      </c>
      <c r="K33" s="204">
        <v>0.17241379310344829</v>
      </c>
      <c r="L33" s="321">
        <v>0</v>
      </c>
      <c r="M33" s="321">
        <v>0</v>
      </c>
      <c r="N33" s="319">
        <v>0</v>
      </c>
      <c r="O33" s="321">
        <v>0</v>
      </c>
      <c r="P33" s="331" t="s">
        <v>335</v>
      </c>
    </row>
    <row r="34" spans="1:16" ht="20.100000000000001" customHeight="1" thickBot="1" x14ac:dyDescent="0.25">
      <c r="A34" s="217" t="s">
        <v>31</v>
      </c>
      <c r="B34" s="317">
        <v>18</v>
      </c>
      <c r="C34" s="323">
        <v>16</v>
      </c>
      <c r="D34" s="324">
        <v>17</v>
      </c>
      <c r="E34" s="323">
        <v>2</v>
      </c>
      <c r="F34" s="184">
        <v>0.11764705882352941</v>
      </c>
      <c r="G34" s="321">
        <v>18</v>
      </c>
      <c r="H34" s="321">
        <v>16</v>
      </c>
      <c r="I34" s="324">
        <v>17</v>
      </c>
      <c r="J34" s="321">
        <v>2</v>
      </c>
      <c r="K34" s="184">
        <v>0.11764705882352941</v>
      </c>
      <c r="L34" s="321">
        <v>0</v>
      </c>
      <c r="M34" s="321">
        <v>0</v>
      </c>
      <c r="N34" s="324">
        <v>0</v>
      </c>
      <c r="O34" s="321">
        <v>0</v>
      </c>
      <c r="P34" s="272" t="s">
        <v>335</v>
      </c>
    </row>
    <row r="35" spans="1:16" ht="20.100000000000001" customHeight="1" thickTop="1" thickBot="1" x14ac:dyDescent="0.25">
      <c r="A35" s="3" t="s">
        <v>12</v>
      </c>
      <c r="B35" s="263">
        <v>165</v>
      </c>
      <c r="C35" s="264">
        <v>152</v>
      </c>
      <c r="D35" s="265">
        <v>158.5</v>
      </c>
      <c r="E35" s="266">
        <v>33</v>
      </c>
      <c r="F35" s="207">
        <v>0.20820189274447951</v>
      </c>
      <c r="G35" s="263">
        <v>162</v>
      </c>
      <c r="H35" s="264">
        <v>144</v>
      </c>
      <c r="I35" s="265">
        <v>153</v>
      </c>
      <c r="J35" s="266">
        <v>31</v>
      </c>
      <c r="K35" s="207">
        <v>0.20261437908496732</v>
      </c>
      <c r="L35" s="263">
        <v>3</v>
      </c>
      <c r="M35" s="264">
        <v>8</v>
      </c>
      <c r="N35" s="265">
        <v>5.5</v>
      </c>
      <c r="O35" s="266">
        <v>2</v>
      </c>
      <c r="P35" s="207">
        <v>0.36363636363636365</v>
      </c>
    </row>
    <row r="36" spans="1:16" ht="20.100000000000001" customHeight="1" x14ac:dyDescent="0.2">
      <c r="G36" s="316"/>
      <c r="H36" s="316"/>
      <c r="I36" s="316"/>
      <c r="J36" s="316"/>
      <c r="K36" s="316"/>
      <c r="L36" s="316"/>
      <c r="M36" s="316"/>
      <c r="N36" s="316"/>
      <c r="O36" s="316"/>
    </row>
  </sheetData>
  <mergeCells count="12">
    <mergeCell ref="A25:A26"/>
    <mergeCell ref="B25:F25"/>
    <mergeCell ref="G25:K25"/>
    <mergeCell ref="L25:P25"/>
    <mergeCell ref="A5:A6"/>
    <mergeCell ref="B5:F5"/>
    <mergeCell ref="G5:K5"/>
    <mergeCell ref="L5:P5"/>
    <mergeCell ref="A16:A17"/>
    <mergeCell ref="B16:F16"/>
    <mergeCell ref="G16:K16"/>
    <mergeCell ref="L16:P16"/>
  </mergeCells>
  <phoneticPr fontId="1"/>
  <printOptions horizontalCentered="1"/>
  <pageMargins left="0.23622047244094491" right="0.23622047244094491" top="0.74803149606299213" bottom="0.74803149606299213" header="0.31496062992125984" footer="0.31496062992125984"/>
  <pageSetup paperSize="9" scale="56" orientation="landscape" r:id="rId1"/>
  <headerFooter>
    <oddFooter>&amp;C&amp;P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9"/>
  <sheetViews>
    <sheetView view="pageBreakPreview" zoomScale="80" zoomScaleNormal="100" zoomScaleSheetLayoutView="80" zoomScalePageLayoutView="75" workbookViewId="0"/>
  </sheetViews>
  <sheetFormatPr defaultColWidth="14.59765625" defaultRowHeight="20.100000000000001" customHeight="1" x14ac:dyDescent="0.2"/>
  <cols>
    <col min="1" max="16384" width="14.59765625" style="132"/>
  </cols>
  <sheetData>
    <row r="1" spans="1:8" ht="20.100000000000001" customHeight="1" x14ac:dyDescent="0.2">
      <c r="A1" s="333" t="s">
        <v>237</v>
      </c>
    </row>
    <row r="2" spans="1:8" ht="20.100000000000001" customHeight="1" x14ac:dyDescent="0.2">
      <c r="A2" s="333" t="s">
        <v>239</v>
      </c>
      <c r="G2" s="334"/>
      <c r="H2" s="133"/>
    </row>
    <row r="3" spans="1:8" ht="20.100000000000001" customHeight="1" x14ac:dyDescent="0.2">
      <c r="A3" s="335"/>
      <c r="G3" s="334"/>
      <c r="H3" s="133"/>
    </row>
    <row r="4" spans="1:8" ht="20.100000000000001" customHeight="1" thickBot="1" x14ac:dyDescent="0.25">
      <c r="A4" s="132" t="s">
        <v>192</v>
      </c>
      <c r="D4" s="133" t="s">
        <v>283</v>
      </c>
      <c r="E4" s="133"/>
      <c r="F4" s="133"/>
      <c r="G4" s="133"/>
      <c r="H4" s="133"/>
    </row>
    <row r="5" spans="1:8" ht="20.100000000000001" customHeight="1" x14ac:dyDescent="0.2">
      <c r="A5" s="529" t="s">
        <v>8</v>
      </c>
      <c r="B5" s="531" t="s">
        <v>32</v>
      </c>
      <c r="C5" s="532"/>
      <c r="D5" s="531" t="s">
        <v>33</v>
      </c>
      <c r="E5" s="532"/>
      <c r="F5" s="531" t="s">
        <v>34</v>
      </c>
      <c r="G5" s="533"/>
      <c r="H5" s="536" t="s">
        <v>193</v>
      </c>
    </row>
    <row r="6" spans="1:8" ht="20.100000000000001" customHeight="1" thickBot="1" x14ac:dyDescent="0.25">
      <c r="A6" s="530"/>
      <c r="B6" s="336" t="s">
        <v>190</v>
      </c>
      <c r="C6" s="275" t="s">
        <v>191</v>
      </c>
      <c r="D6" s="336" t="s">
        <v>190</v>
      </c>
      <c r="E6" s="275" t="s">
        <v>191</v>
      </c>
      <c r="F6" s="336" t="s">
        <v>190</v>
      </c>
      <c r="G6" s="275" t="s">
        <v>191</v>
      </c>
      <c r="H6" s="537"/>
    </row>
    <row r="7" spans="1:8" ht="20.100000000000001" customHeight="1" thickTop="1" x14ac:dyDescent="0.2">
      <c r="A7" s="337" t="s">
        <v>139</v>
      </c>
      <c r="B7" s="338">
        <v>825</v>
      </c>
      <c r="C7" s="339">
        <v>60</v>
      </c>
      <c r="D7" s="340">
        <v>579</v>
      </c>
      <c r="E7" s="341">
        <v>10</v>
      </c>
      <c r="F7" s="342">
        <v>246</v>
      </c>
      <c r="G7" s="343">
        <v>50</v>
      </c>
      <c r="H7" s="344">
        <v>885</v>
      </c>
    </row>
    <row r="8" spans="1:8" ht="20.100000000000001" customHeight="1" x14ac:dyDescent="0.2">
      <c r="A8" s="345" t="s">
        <v>9</v>
      </c>
      <c r="B8" s="338">
        <v>2015</v>
      </c>
      <c r="C8" s="339">
        <v>200</v>
      </c>
      <c r="D8" s="346">
        <v>1447</v>
      </c>
      <c r="E8" s="347">
        <v>22</v>
      </c>
      <c r="F8" s="348">
        <v>568</v>
      </c>
      <c r="G8" s="343">
        <v>178</v>
      </c>
      <c r="H8" s="344">
        <v>2215</v>
      </c>
    </row>
    <row r="9" spans="1:8" ht="20.100000000000001" customHeight="1" x14ac:dyDescent="0.2">
      <c r="A9" s="345" t="s">
        <v>10</v>
      </c>
      <c r="B9" s="338">
        <v>1442</v>
      </c>
      <c r="C9" s="339">
        <v>148</v>
      </c>
      <c r="D9" s="346">
        <v>1072</v>
      </c>
      <c r="E9" s="347">
        <v>36</v>
      </c>
      <c r="F9" s="348">
        <v>370</v>
      </c>
      <c r="G9" s="343">
        <v>112</v>
      </c>
      <c r="H9" s="344">
        <v>1590</v>
      </c>
    </row>
    <row r="10" spans="1:8" ht="20.100000000000001" customHeight="1" x14ac:dyDescent="0.2">
      <c r="A10" s="345" t="s">
        <v>140</v>
      </c>
      <c r="B10" s="338">
        <v>1398</v>
      </c>
      <c r="C10" s="339">
        <v>188</v>
      </c>
      <c r="D10" s="346">
        <v>864</v>
      </c>
      <c r="E10" s="347">
        <v>44</v>
      </c>
      <c r="F10" s="348">
        <v>534</v>
      </c>
      <c r="G10" s="343">
        <v>144</v>
      </c>
      <c r="H10" s="344">
        <v>1586</v>
      </c>
    </row>
    <row r="11" spans="1:8" ht="20.100000000000001" customHeight="1" x14ac:dyDescent="0.2">
      <c r="A11" s="345" t="s">
        <v>141</v>
      </c>
      <c r="B11" s="338">
        <v>716</v>
      </c>
      <c r="C11" s="339">
        <v>202</v>
      </c>
      <c r="D11" s="346">
        <v>318</v>
      </c>
      <c r="E11" s="347">
        <v>84</v>
      </c>
      <c r="F11" s="348">
        <v>398</v>
      </c>
      <c r="G11" s="343">
        <v>118</v>
      </c>
      <c r="H11" s="344">
        <v>918</v>
      </c>
    </row>
    <row r="12" spans="1:8" ht="20.100000000000001" customHeight="1" thickBot="1" x14ac:dyDescent="0.25">
      <c r="A12" s="349" t="s">
        <v>11</v>
      </c>
      <c r="B12" s="350">
        <v>1402</v>
      </c>
      <c r="C12" s="351">
        <v>562</v>
      </c>
      <c r="D12" s="346">
        <v>723</v>
      </c>
      <c r="E12" s="352">
        <v>291</v>
      </c>
      <c r="F12" s="353">
        <v>679</v>
      </c>
      <c r="G12" s="354">
        <v>271</v>
      </c>
      <c r="H12" s="355">
        <v>1964</v>
      </c>
    </row>
    <row r="13" spans="1:8" ht="20.100000000000001" customHeight="1" thickTop="1" thickBot="1" x14ac:dyDescent="0.25">
      <c r="A13" s="356" t="s">
        <v>58</v>
      </c>
      <c r="B13" s="357">
        <v>7798</v>
      </c>
      <c r="C13" s="358">
        <v>1360</v>
      </c>
      <c r="D13" s="359">
        <v>5003</v>
      </c>
      <c r="E13" s="360">
        <v>487</v>
      </c>
      <c r="F13" s="361">
        <v>2795</v>
      </c>
      <c r="G13" s="362">
        <v>873</v>
      </c>
      <c r="H13" s="363">
        <v>9158</v>
      </c>
    </row>
    <row r="15" spans="1:8" ht="20.100000000000001" customHeight="1" thickBot="1" x14ac:dyDescent="0.25">
      <c r="A15" s="132" t="s">
        <v>142</v>
      </c>
      <c r="D15" s="132" t="s">
        <v>283</v>
      </c>
    </row>
    <row r="16" spans="1:8" s="133" customFormat="1" ht="20.100000000000001" customHeight="1" x14ac:dyDescent="0.2">
      <c r="A16" s="529" t="s">
        <v>39</v>
      </c>
      <c r="B16" s="531" t="s">
        <v>32</v>
      </c>
      <c r="C16" s="532"/>
      <c r="D16" s="531" t="s">
        <v>33</v>
      </c>
      <c r="E16" s="532"/>
      <c r="F16" s="531" t="s">
        <v>34</v>
      </c>
      <c r="G16" s="533"/>
      <c r="H16" s="536" t="s">
        <v>194</v>
      </c>
    </row>
    <row r="17" spans="1:9" s="133" customFormat="1" ht="20.100000000000001" customHeight="1" thickBot="1" x14ac:dyDescent="0.25">
      <c r="A17" s="530"/>
      <c r="B17" s="336" t="s">
        <v>190</v>
      </c>
      <c r="C17" s="275" t="s">
        <v>191</v>
      </c>
      <c r="D17" s="336" t="s">
        <v>190</v>
      </c>
      <c r="E17" s="275" t="s">
        <v>191</v>
      </c>
      <c r="F17" s="336" t="s">
        <v>190</v>
      </c>
      <c r="G17" s="275" t="s">
        <v>191</v>
      </c>
      <c r="H17" s="537"/>
    </row>
    <row r="18" spans="1:9" ht="20.100000000000001" customHeight="1" thickTop="1" x14ac:dyDescent="0.2">
      <c r="A18" s="337" t="s">
        <v>40</v>
      </c>
      <c r="B18" s="364">
        <v>2748</v>
      </c>
      <c r="C18" s="365">
        <v>689</v>
      </c>
      <c r="D18" s="366">
        <v>1589</v>
      </c>
      <c r="E18" s="366">
        <v>206</v>
      </c>
      <c r="F18" s="342">
        <v>1159</v>
      </c>
      <c r="G18" s="343">
        <v>483</v>
      </c>
      <c r="H18" s="344">
        <v>3437</v>
      </c>
    </row>
    <row r="19" spans="1:9" ht="20.100000000000001" customHeight="1" x14ac:dyDescent="0.2">
      <c r="A19" s="345" t="s">
        <v>41</v>
      </c>
      <c r="B19" s="338">
        <v>1131</v>
      </c>
      <c r="C19" s="367">
        <v>250</v>
      </c>
      <c r="D19" s="366">
        <v>664</v>
      </c>
      <c r="E19" s="366">
        <v>92</v>
      </c>
      <c r="F19" s="348">
        <v>467</v>
      </c>
      <c r="G19" s="343">
        <v>158</v>
      </c>
      <c r="H19" s="344">
        <v>1381</v>
      </c>
    </row>
    <row r="20" spans="1:9" ht="20.100000000000001" customHeight="1" x14ac:dyDescent="0.2">
      <c r="A20" s="345" t="s">
        <v>42</v>
      </c>
      <c r="B20" s="338">
        <v>803</v>
      </c>
      <c r="C20" s="367">
        <v>137</v>
      </c>
      <c r="D20" s="366">
        <v>616</v>
      </c>
      <c r="E20" s="366">
        <v>102</v>
      </c>
      <c r="F20" s="348">
        <v>187</v>
      </c>
      <c r="G20" s="343">
        <v>35</v>
      </c>
      <c r="H20" s="344">
        <v>940</v>
      </c>
    </row>
    <row r="21" spans="1:9" ht="20.100000000000001" customHeight="1" x14ac:dyDescent="0.2">
      <c r="A21" s="345" t="s">
        <v>43</v>
      </c>
      <c r="B21" s="338">
        <v>624</v>
      </c>
      <c r="C21" s="367">
        <v>84</v>
      </c>
      <c r="D21" s="366">
        <v>467</v>
      </c>
      <c r="E21" s="366">
        <v>41</v>
      </c>
      <c r="F21" s="348">
        <v>157</v>
      </c>
      <c r="G21" s="343">
        <v>43</v>
      </c>
      <c r="H21" s="344">
        <v>708</v>
      </c>
    </row>
    <row r="22" spans="1:9" ht="20.100000000000001" customHeight="1" x14ac:dyDescent="0.2">
      <c r="A22" s="345" t="s">
        <v>44</v>
      </c>
      <c r="B22" s="338">
        <v>447</v>
      </c>
      <c r="C22" s="367">
        <v>37</v>
      </c>
      <c r="D22" s="366">
        <v>264</v>
      </c>
      <c r="E22" s="366">
        <v>6</v>
      </c>
      <c r="F22" s="348">
        <v>183</v>
      </c>
      <c r="G22" s="343">
        <v>31</v>
      </c>
      <c r="H22" s="344">
        <v>484</v>
      </c>
    </row>
    <row r="23" spans="1:9" ht="20.100000000000001" customHeight="1" x14ac:dyDescent="0.2">
      <c r="A23" s="345" t="s">
        <v>45</v>
      </c>
      <c r="B23" s="338">
        <v>651</v>
      </c>
      <c r="C23" s="367">
        <v>68</v>
      </c>
      <c r="D23" s="366">
        <v>444</v>
      </c>
      <c r="E23" s="366">
        <v>29</v>
      </c>
      <c r="F23" s="348">
        <v>207</v>
      </c>
      <c r="G23" s="343">
        <v>39</v>
      </c>
      <c r="H23" s="344">
        <v>719</v>
      </c>
    </row>
    <row r="24" spans="1:9" ht="20.100000000000001" customHeight="1" x14ac:dyDescent="0.2">
      <c r="A24" s="345" t="s">
        <v>46</v>
      </c>
      <c r="B24" s="338">
        <v>944</v>
      </c>
      <c r="C24" s="339">
        <v>80</v>
      </c>
      <c r="D24" s="348">
        <v>662</v>
      </c>
      <c r="E24" s="366">
        <v>4</v>
      </c>
      <c r="F24" s="348">
        <v>282</v>
      </c>
      <c r="G24" s="343">
        <v>76</v>
      </c>
      <c r="H24" s="344">
        <v>1024</v>
      </c>
    </row>
    <row r="25" spans="1:9" ht="20.100000000000001" customHeight="1" thickBot="1" x14ac:dyDescent="0.25">
      <c r="A25" s="349" t="s">
        <v>47</v>
      </c>
      <c r="B25" s="350">
        <v>450</v>
      </c>
      <c r="C25" s="351">
        <v>15</v>
      </c>
      <c r="D25" s="353">
        <v>297</v>
      </c>
      <c r="E25" s="366">
        <v>7</v>
      </c>
      <c r="F25" s="353">
        <v>153</v>
      </c>
      <c r="G25" s="354">
        <v>8</v>
      </c>
      <c r="H25" s="355">
        <v>465</v>
      </c>
    </row>
    <row r="26" spans="1:9" ht="20.100000000000001" customHeight="1" thickTop="1" thickBot="1" x14ac:dyDescent="0.25">
      <c r="A26" s="368" t="s">
        <v>12</v>
      </c>
      <c r="B26" s="361">
        <v>7798</v>
      </c>
      <c r="C26" s="369">
        <v>1360</v>
      </c>
      <c r="D26" s="361">
        <v>5003</v>
      </c>
      <c r="E26" s="370">
        <v>487</v>
      </c>
      <c r="F26" s="361">
        <v>2795</v>
      </c>
      <c r="G26" s="362">
        <v>873</v>
      </c>
      <c r="H26" s="363">
        <v>9158</v>
      </c>
    </row>
    <row r="28" spans="1:9" ht="20.100000000000001" customHeight="1" thickBot="1" x14ac:dyDescent="0.25">
      <c r="A28" s="132" t="s">
        <v>143</v>
      </c>
      <c r="D28" s="132" t="s">
        <v>283</v>
      </c>
    </row>
    <row r="29" spans="1:9" ht="20.100000000000001" customHeight="1" x14ac:dyDescent="0.2">
      <c r="A29" s="527" t="s">
        <v>267</v>
      </c>
      <c r="B29" s="534" t="s">
        <v>274</v>
      </c>
      <c r="C29" s="534" t="s">
        <v>276</v>
      </c>
      <c r="D29" s="532" t="s">
        <v>327</v>
      </c>
      <c r="E29" s="532"/>
      <c r="F29" s="532"/>
      <c r="G29" s="533"/>
      <c r="H29" s="525" t="s">
        <v>268</v>
      </c>
      <c r="I29" s="523" t="s">
        <v>277</v>
      </c>
    </row>
    <row r="30" spans="1:9" s="133" customFormat="1" ht="20.100000000000001" customHeight="1" thickBot="1" x14ac:dyDescent="0.25">
      <c r="A30" s="528"/>
      <c r="B30" s="535"/>
      <c r="C30" s="535"/>
      <c r="D30" s="139" t="s">
        <v>78</v>
      </c>
      <c r="E30" s="139" t="s">
        <v>79</v>
      </c>
      <c r="F30" s="139" t="s">
        <v>80</v>
      </c>
      <c r="G30" s="140" t="s">
        <v>0</v>
      </c>
      <c r="H30" s="526"/>
      <c r="I30" s="524"/>
    </row>
    <row r="31" spans="1:9" ht="20.100000000000001" customHeight="1" thickTop="1" x14ac:dyDescent="0.2">
      <c r="A31" s="134" t="s">
        <v>97</v>
      </c>
      <c r="B31" s="371">
        <v>50</v>
      </c>
      <c r="C31" s="371">
        <v>16</v>
      </c>
      <c r="D31" s="372">
        <v>47</v>
      </c>
      <c r="E31" s="372">
        <v>5</v>
      </c>
      <c r="F31" s="372">
        <v>3</v>
      </c>
      <c r="G31" s="373">
        <v>1</v>
      </c>
      <c r="H31" s="374">
        <v>56</v>
      </c>
      <c r="I31" s="375">
        <v>3.5</v>
      </c>
    </row>
    <row r="32" spans="1:9" ht="20.100000000000001" customHeight="1" x14ac:dyDescent="0.2">
      <c r="A32" s="136" t="s">
        <v>98</v>
      </c>
      <c r="B32" s="135">
        <v>62</v>
      </c>
      <c r="C32" s="135">
        <v>32</v>
      </c>
      <c r="D32" s="376">
        <v>126</v>
      </c>
      <c r="E32" s="376">
        <v>9</v>
      </c>
      <c r="F32" s="376">
        <v>5</v>
      </c>
      <c r="G32" s="377">
        <v>6</v>
      </c>
      <c r="H32" s="378">
        <v>146</v>
      </c>
      <c r="I32" s="379">
        <v>4.5625</v>
      </c>
    </row>
    <row r="33" spans="1:9" ht="20.100000000000001" customHeight="1" x14ac:dyDescent="0.2">
      <c r="A33" s="136" t="s">
        <v>99</v>
      </c>
      <c r="B33" s="135">
        <v>36</v>
      </c>
      <c r="C33" s="135">
        <v>19</v>
      </c>
      <c r="D33" s="376">
        <v>82</v>
      </c>
      <c r="E33" s="376">
        <v>3</v>
      </c>
      <c r="F33" s="376">
        <v>5</v>
      </c>
      <c r="G33" s="377">
        <v>1</v>
      </c>
      <c r="H33" s="378">
        <v>91</v>
      </c>
      <c r="I33" s="379">
        <v>4.7894736842105265</v>
      </c>
    </row>
    <row r="34" spans="1:9" ht="20.100000000000001" customHeight="1" x14ac:dyDescent="0.2">
      <c r="A34" s="136" t="s">
        <v>100</v>
      </c>
      <c r="B34" s="135">
        <v>28</v>
      </c>
      <c r="C34" s="135">
        <v>12</v>
      </c>
      <c r="D34" s="376">
        <v>69</v>
      </c>
      <c r="E34" s="376">
        <v>8</v>
      </c>
      <c r="F34" s="376">
        <v>3</v>
      </c>
      <c r="G34" s="377">
        <v>3</v>
      </c>
      <c r="H34" s="378">
        <v>83</v>
      </c>
      <c r="I34" s="379">
        <v>6.916666666666667</v>
      </c>
    </row>
    <row r="35" spans="1:9" ht="20.100000000000001" customHeight="1" x14ac:dyDescent="0.2">
      <c r="A35" s="136" t="s">
        <v>101</v>
      </c>
      <c r="B35" s="135">
        <v>15</v>
      </c>
      <c r="C35" s="135">
        <v>8</v>
      </c>
      <c r="D35" s="376">
        <v>45</v>
      </c>
      <c r="E35" s="376">
        <v>8</v>
      </c>
      <c r="F35" s="376">
        <v>5</v>
      </c>
      <c r="G35" s="377">
        <v>1</v>
      </c>
      <c r="H35" s="378">
        <v>59</v>
      </c>
      <c r="I35" s="379">
        <v>7.375</v>
      </c>
    </row>
    <row r="36" spans="1:9" ht="20.100000000000001" customHeight="1" thickBot="1" x14ac:dyDescent="0.25">
      <c r="A36" s="137" t="s">
        <v>11</v>
      </c>
      <c r="B36" s="380">
        <v>22</v>
      </c>
      <c r="C36" s="380">
        <v>13</v>
      </c>
      <c r="D36" s="381">
        <v>120</v>
      </c>
      <c r="E36" s="381">
        <v>15</v>
      </c>
      <c r="F36" s="381">
        <v>10</v>
      </c>
      <c r="G36" s="382">
        <v>0</v>
      </c>
      <c r="H36" s="383">
        <v>145</v>
      </c>
      <c r="I36" s="384">
        <v>11.153846153846153</v>
      </c>
    </row>
    <row r="37" spans="1:9" ht="20.100000000000001" customHeight="1" thickTop="1" thickBot="1" x14ac:dyDescent="0.25">
      <c r="A37" s="138" t="s">
        <v>86</v>
      </c>
      <c r="B37" s="385">
        <v>213</v>
      </c>
      <c r="C37" s="385">
        <v>100</v>
      </c>
      <c r="D37" s="385">
        <v>489</v>
      </c>
      <c r="E37" s="385">
        <v>48</v>
      </c>
      <c r="F37" s="385">
        <v>31</v>
      </c>
      <c r="G37" s="385">
        <v>12</v>
      </c>
      <c r="H37" s="386">
        <v>580</v>
      </c>
      <c r="I37" s="387">
        <v>5.8</v>
      </c>
    </row>
    <row r="38" spans="1:9" ht="20.100000000000001" customHeight="1" x14ac:dyDescent="0.2">
      <c r="C38" s="388" t="s">
        <v>278</v>
      </c>
    </row>
    <row r="39" spans="1:9" ht="20.100000000000001" customHeight="1" x14ac:dyDescent="0.2">
      <c r="C39" s="388" t="s">
        <v>279</v>
      </c>
    </row>
  </sheetData>
  <mergeCells count="16">
    <mergeCell ref="H5:H6"/>
    <mergeCell ref="H16:H17"/>
    <mergeCell ref="A5:A6"/>
    <mergeCell ref="B5:C5"/>
    <mergeCell ref="D5:E5"/>
    <mergeCell ref="F5:G5"/>
    <mergeCell ref="I29:I30"/>
    <mergeCell ref="H29:H30"/>
    <mergeCell ref="A29:A30"/>
    <mergeCell ref="A16:A17"/>
    <mergeCell ref="B16:C16"/>
    <mergeCell ref="D16:E16"/>
    <mergeCell ref="F16:G16"/>
    <mergeCell ref="B29:B30"/>
    <mergeCell ref="D29:G29"/>
    <mergeCell ref="C29:C30"/>
  </mergeCells>
  <phoneticPr fontId="1"/>
  <pageMargins left="0.82677165354330717" right="0.23622047244094491" top="0.74803149606299213" bottom="0.74803149606299213" header="0.31496062992125984" footer="0.31496062992125984"/>
  <pageSetup paperSize="9" scale="68" orientation="landscape" r:id="rId1"/>
  <headerFooter>
    <oddFooter>&amp;C&amp;P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5"/>
  <sheetViews>
    <sheetView view="pageBreakPreview" zoomScale="80" zoomScaleNormal="80" zoomScaleSheetLayoutView="80" zoomScalePageLayoutView="50" workbookViewId="0"/>
  </sheetViews>
  <sheetFormatPr defaultColWidth="14.59765625" defaultRowHeight="20.100000000000001" customHeight="1" x14ac:dyDescent="0.2"/>
  <cols>
    <col min="1" max="3" width="14.59765625" style="7"/>
    <col min="4" max="4" width="14.59765625" style="274"/>
    <col min="5" max="16384" width="14.59765625" style="7"/>
  </cols>
  <sheetData>
    <row r="1" spans="1:10" ht="20.100000000000001" customHeight="1" x14ac:dyDescent="0.2">
      <c r="A1" s="51" t="s">
        <v>206</v>
      </c>
      <c r="E1" s="312"/>
      <c r="F1" s="389"/>
    </row>
    <row r="2" spans="1:10" ht="20.100000000000001" customHeight="1" x14ac:dyDescent="0.2">
      <c r="A2" s="52" t="s">
        <v>48</v>
      </c>
      <c r="E2" s="312"/>
      <c r="F2" s="312"/>
    </row>
    <row r="3" spans="1:10" ht="20.100000000000001" customHeight="1" thickBot="1" x14ac:dyDescent="0.25">
      <c r="A3" s="7" t="s">
        <v>49</v>
      </c>
      <c r="C3" s="312" t="s">
        <v>297</v>
      </c>
      <c r="F3" s="312"/>
    </row>
    <row r="4" spans="1:10" ht="20.100000000000001" customHeight="1" x14ac:dyDescent="0.2">
      <c r="A4" s="518" t="s">
        <v>8</v>
      </c>
      <c r="B4" s="538" t="s">
        <v>32</v>
      </c>
      <c r="C4" s="539"/>
      <c r="D4" s="540"/>
      <c r="E4" s="538" t="s">
        <v>33</v>
      </c>
      <c r="F4" s="539"/>
      <c r="G4" s="540"/>
      <c r="H4" s="538" t="s">
        <v>34</v>
      </c>
      <c r="I4" s="539"/>
      <c r="J4" s="540"/>
    </row>
    <row r="5" spans="1:10" ht="20.100000000000001" customHeight="1" thickBot="1" x14ac:dyDescent="0.25">
      <c r="A5" s="519"/>
      <c r="B5" s="390" t="s">
        <v>296</v>
      </c>
      <c r="C5" s="391" t="s">
        <v>284</v>
      </c>
      <c r="D5" s="392" t="s">
        <v>265</v>
      </c>
      <c r="E5" s="390" t="s">
        <v>296</v>
      </c>
      <c r="F5" s="391" t="s">
        <v>284</v>
      </c>
      <c r="G5" s="392" t="s">
        <v>265</v>
      </c>
      <c r="H5" s="390" t="s">
        <v>296</v>
      </c>
      <c r="I5" s="391" t="s">
        <v>284</v>
      </c>
      <c r="J5" s="392" t="s">
        <v>265</v>
      </c>
    </row>
    <row r="6" spans="1:10" ht="20.100000000000001" customHeight="1" thickTop="1" x14ac:dyDescent="0.2">
      <c r="A6" s="215" t="s">
        <v>97</v>
      </c>
      <c r="B6" s="393">
        <v>43</v>
      </c>
      <c r="C6" s="203">
        <v>1</v>
      </c>
      <c r="D6" s="209">
        <v>2.3255813953488372E-2</v>
      </c>
      <c r="E6" s="63">
        <v>43</v>
      </c>
      <c r="F6" s="203">
        <v>1</v>
      </c>
      <c r="G6" s="209">
        <v>2.3255813953488372E-2</v>
      </c>
      <c r="H6" s="63">
        <v>0</v>
      </c>
      <c r="I6" s="203">
        <v>0</v>
      </c>
      <c r="J6" s="273" t="s">
        <v>335</v>
      </c>
    </row>
    <row r="7" spans="1:10" ht="20.100000000000001" customHeight="1" x14ac:dyDescent="0.2">
      <c r="A7" s="216" t="s">
        <v>98</v>
      </c>
      <c r="B7" s="65">
        <v>215</v>
      </c>
      <c r="C7" s="394">
        <v>26</v>
      </c>
      <c r="D7" s="209">
        <v>0.12093023255813953</v>
      </c>
      <c r="E7" s="65">
        <v>213</v>
      </c>
      <c r="F7" s="394">
        <v>26</v>
      </c>
      <c r="G7" s="395">
        <v>0.12206572769953052</v>
      </c>
      <c r="H7" s="65">
        <v>2</v>
      </c>
      <c r="I7" s="394">
        <v>0</v>
      </c>
      <c r="J7" s="395">
        <v>0</v>
      </c>
    </row>
    <row r="8" spans="1:10" ht="20.100000000000001" customHeight="1" x14ac:dyDescent="0.2">
      <c r="A8" s="216" t="s">
        <v>99</v>
      </c>
      <c r="B8" s="65">
        <v>334</v>
      </c>
      <c r="C8" s="394">
        <v>49</v>
      </c>
      <c r="D8" s="209">
        <v>0.1467065868263473</v>
      </c>
      <c r="E8" s="65">
        <v>334</v>
      </c>
      <c r="F8" s="394">
        <v>49</v>
      </c>
      <c r="G8" s="395">
        <v>0.1467065868263473</v>
      </c>
      <c r="H8" s="65">
        <v>0</v>
      </c>
      <c r="I8" s="394">
        <v>0</v>
      </c>
      <c r="J8" s="396" t="s">
        <v>335</v>
      </c>
    </row>
    <row r="9" spans="1:10" ht="20.100000000000001" customHeight="1" x14ac:dyDescent="0.2">
      <c r="A9" s="216" t="s">
        <v>100</v>
      </c>
      <c r="B9" s="65">
        <v>519</v>
      </c>
      <c r="C9" s="394">
        <v>55</v>
      </c>
      <c r="D9" s="209">
        <v>0.10597302504816955</v>
      </c>
      <c r="E9" s="65">
        <v>519</v>
      </c>
      <c r="F9" s="394">
        <v>55</v>
      </c>
      <c r="G9" s="395">
        <v>0.10597302504816955</v>
      </c>
      <c r="H9" s="65">
        <v>0</v>
      </c>
      <c r="I9" s="394">
        <v>0</v>
      </c>
      <c r="J9" s="396" t="s">
        <v>335</v>
      </c>
    </row>
    <row r="10" spans="1:10" ht="20.100000000000001" customHeight="1" x14ac:dyDescent="0.2">
      <c r="A10" s="216" t="s">
        <v>101</v>
      </c>
      <c r="B10" s="65">
        <v>399</v>
      </c>
      <c r="C10" s="394">
        <v>52</v>
      </c>
      <c r="D10" s="209">
        <v>0.13032581453634084</v>
      </c>
      <c r="E10" s="65">
        <v>396</v>
      </c>
      <c r="F10" s="394">
        <v>48</v>
      </c>
      <c r="G10" s="395">
        <v>0.12121212121212122</v>
      </c>
      <c r="H10" s="65">
        <v>3</v>
      </c>
      <c r="I10" s="394">
        <v>4</v>
      </c>
      <c r="J10" s="395">
        <v>1.3333333333333333</v>
      </c>
    </row>
    <row r="11" spans="1:10" ht="20.100000000000001" customHeight="1" thickBot="1" x14ac:dyDescent="0.25">
      <c r="A11" s="217" t="s">
        <v>11</v>
      </c>
      <c r="B11" s="70">
        <v>1569</v>
      </c>
      <c r="C11" s="205">
        <v>163</v>
      </c>
      <c r="D11" s="397">
        <v>0.10388782664117271</v>
      </c>
      <c r="E11" s="70">
        <v>1569</v>
      </c>
      <c r="F11" s="205">
        <v>163</v>
      </c>
      <c r="G11" s="397">
        <v>0.10388782664117271</v>
      </c>
      <c r="H11" s="70">
        <v>0</v>
      </c>
      <c r="I11" s="205">
        <v>0</v>
      </c>
      <c r="J11" s="398" t="s">
        <v>335</v>
      </c>
    </row>
    <row r="12" spans="1:10" ht="20.100000000000001" customHeight="1" thickTop="1" thickBot="1" x14ac:dyDescent="0.25">
      <c r="A12" s="399" t="s">
        <v>16</v>
      </c>
      <c r="B12" s="4">
        <v>3079</v>
      </c>
      <c r="C12" s="6">
        <v>346</v>
      </c>
      <c r="D12" s="400">
        <v>0.11237414745047093</v>
      </c>
      <c r="E12" s="5">
        <v>3074</v>
      </c>
      <c r="F12" s="5">
        <v>342</v>
      </c>
      <c r="G12" s="400">
        <v>0.11125569290826284</v>
      </c>
      <c r="H12" s="5">
        <v>5</v>
      </c>
      <c r="I12" s="5">
        <v>4</v>
      </c>
      <c r="J12" s="400">
        <v>0.8</v>
      </c>
    </row>
    <row r="14" spans="1:10" ht="20.100000000000001" customHeight="1" thickBot="1" x14ac:dyDescent="0.25">
      <c r="A14" s="7" t="s">
        <v>50</v>
      </c>
    </row>
    <row r="15" spans="1:10" s="90" customFormat="1" ht="20.100000000000001" customHeight="1" x14ac:dyDescent="0.2">
      <c r="A15" s="518" t="s">
        <v>196</v>
      </c>
      <c r="B15" s="538" t="s">
        <v>32</v>
      </c>
      <c r="C15" s="539"/>
      <c r="D15" s="540"/>
      <c r="E15" s="538" t="s">
        <v>33</v>
      </c>
      <c r="F15" s="539"/>
      <c r="G15" s="540"/>
      <c r="H15" s="538" t="s">
        <v>34</v>
      </c>
      <c r="I15" s="539"/>
      <c r="J15" s="540"/>
    </row>
    <row r="16" spans="1:10" s="90" customFormat="1" ht="20.100000000000001" customHeight="1" thickBot="1" x14ac:dyDescent="0.25">
      <c r="A16" s="519"/>
      <c r="B16" s="390" t="s">
        <v>296</v>
      </c>
      <c r="C16" s="391" t="s">
        <v>284</v>
      </c>
      <c r="D16" s="392" t="s">
        <v>265</v>
      </c>
      <c r="E16" s="390" t="s">
        <v>296</v>
      </c>
      <c r="F16" s="391" t="s">
        <v>284</v>
      </c>
      <c r="G16" s="392" t="s">
        <v>265</v>
      </c>
      <c r="H16" s="390" t="s">
        <v>296</v>
      </c>
      <c r="I16" s="391" t="s">
        <v>284</v>
      </c>
      <c r="J16" s="392" t="s">
        <v>265</v>
      </c>
    </row>
    <row r="17" spans="1:10" ht="20.100000000000001" customHeight="1" thickTop="1" x14ac:dyDescent="0.2">
      <c r="A17" s="215" t="s">
        <v>35</v>
      </c>
      <c r="B17" s="63">
        <v>16</v>
      </c>
      <c r="C17" s="203">
        <v>1</v>
      </c>
      <c r="D17" s="209">
        <v>6.25E-2</v>
      </c>
      <c r="E17" s="63">
        <v>16</v>
      </c>
      <c r="F17" s="203">
        <v>1</v>
      </c>
      <c r="G17" s="209">
        <v>6.25E-2</v>
      </c>
      <c r="H17" s="63">
        <v>0</v>
      </c>
      <c r="I17" s="203">
        <v>0</v>
      </c>
      <c r="J17" s="273" t="s">
        <v>335</v>
      </c>
    </row>
    <row r="18" spans="1:10" ht="20.100000000000001" customHeight="1" x14ac:dyDescent="0.2">
      <c r="A18" s="216" t="s">
        <v>36</v>
      </c>
      <c r="B18" s="65">
        <v>97</v>
      </c>
      <c r="C18" s="394">
        <v>6</v>
      </c>
      <c r="D18" s="209">
        <v>6.1855670103092786E-2</v>
      </c>
      <c r="E18" s="65">
        <v>97</v>
      </c>
      <c r="F18" s="394">
        <v>6</v>
      </c>
      <c r="G18" s="209">
        <v>6.1855670103092786E-2</v>
      </c>
      <c r="H18" s="65">
        <v>0</v>
      </c>
      <c r="I18" s="394">
        <v>0</v>
      </c>
      <c r="J18" s="273" t="s">
        <v>335</v>
      </c>
    </row>
    <row r="19" spans="1:10" ht="20.100000000000001" customHeight="1" x14ac:dyDescent="0.2">
      <c r="A19" s="216" t="s">
        <v>37</v>
      </c>
      <c r="B19" s="65">
        <v>2944</v>
      </c>
      <c r="C19" s="394">
        <v>335</v>
      </c>
      <c r="D19" s="209">
        <v>0.11379076086956522</v>
      </c>
      <c r="E19" s="65">
        <v>2940</v>
      </c>
      <c r="F19" s="394">
        <v>331</v>
      </c>
      <c r="G19" s="209">
        <v>0.11258503401360544</v>
      </c>
      <c r="H19" s="65">
        <v>4</v>
      </c>
      <c r="I19" s="394">
        <v>4</v>
      </c>
      <c r="J19" s="209">
        <v>1</v>
      </c>
    </row>
    <row r="20" spans="1:10" ht="20.100000000000001" customHeight="1" thickBot="1" x14ac:dyDescent="0.25">
      <c r="A20" s="217" t="s">
        <v>38</v>
      </c>
      <c r="B20" s="70">
        <v>22</v>
      </c>
      <c r="C20" s="205">
        <v>4</v>
      </c>
      <c r="D20" s="397">
        <v>0.18181818181818182</v>
      </c>
      <c r="E20" s="70">
        <v>21</v>
      </c>
      <c r="F20" s="205">
        <v>4</v>
      </c>
      <c r="G20" s="397">
        <v>0.19047619047619047</v>
      </c>
      <c r="H20" s="70">
        <v>1</v>
      </c>
      <c r="I20" s="205">
        <v>0</v>
      </c>
      <c r="J20" s="397">
        <v>0</v>
      </c>
    </row>
    <row r="21" spans="1:10" ht="20.100000000000001" customHeight="1" thickTop="1" thickBot="1" x14ac:dyDescent="0.25">
      <c r="A21" s="3" t="s">
        <v>16</v>
      </c>
      <c r="B21" s="4">
        <v>3079</v>
      </c>
      <c r="C21" s="5">
        <v>346</v>
      </c>
      <c r="D21" s="400">
        <v>0.11237414745047093</v>
      </c>
      <c r="E21" s="4">
        <v>3074</v>
      </c>
      <c r="F21" s="5">
        <v>342</v>
      </c>
      <c r="G21" s="400">
        <v>0.11125569290826284</v>
      </c>
      <c r="H21" s="4">
        <v>5</v>
      </c>
      <c r="I21" s="5">
        <v>4</v>
      </c>
      <c r="J21" s="400">
        <v>0.8</v>
      </c>
    </row>
    <row r="23" spans="1:10" ht="20.100000000000001" customHeight="1" thickBot="1" x14ac:dyDescent="0.25">
      <c r="A23" s="7" t="s">
        <v>51</v>
      </c>
    </row>
    <row r="24" spans="1:10" s="90" customFormat="1" ht="20.100000000000001" customHeight="1" x14ac:dyDescent="0.2">
      <c r="A24" s="518" t="s">
        <v>39</v>
      </c>
      <c r="B24" s="538" t="s">
        <v>32</v>
      </c>
      <c r="C24" s="539"/>
      <c r="D24" s="540"/>
      <c r="E24" s="538" t="s">
        <v>33</v>
      </c>
      <c r="F24" s="539"/>
      <c r="G24" s="540"/>
      <c r="H24" s="538" t="s">
        <v>34</v>
      </c>
      <c r="I24" s="539"/>
      <c r="J24" s="540"/>
    </row>
    <row r="25" spans="1:10" s="90" customFormat="1" ht="20.100000000000001" customHeight="1" thickBot="1" x14ac:dyDescent="0.25">
      <c r="A25" s="519"/>
      <c r="B25" s="390" t="s">
        <v>296</v>
      </c>
      <c r="C25" s="391" t="s">
        <v>284</v>
      </c>
      <c r="D25" s="392" t="s">
        <v>265</v>
      </c>
      <c r="E25" s="390" t="s">
        <v>296</v>
      </c>
      <c r="F25" s="391" t="s">
        <v>284</v>
      </c>
      <c r="G25" s="392" t="s">
        <v>265</v>
      </c>
      <c r="H25" s="390" t="s">
        <v>296</v>
      </c>
      <c r="I25" s="391" t="s">
        <v>284</v>
      </c>
      <c r="J25" s="392" t="s">
        <v>265</v>
      </c>
    </row>
    <row r="26" spans="1:10" ht="20.100000000000001" customHeight="1" thickTop="1" x14ac:dyDescent="0.2">
      <c r="A26" s="215" t="s">
        <v>40</v>
      </c>
      <c r="B26" s="63">
        <v>1435</v>
      </c>
      <c r="C26" s="203">
        <v>168</v>
      </c>
      <c r="D26" s="209">
        <v>0.11707317073170732</v>
      </c>
      <c r="E26" s="63">
        <v>1434</v>
      </c>
      <c r="F26" s="203">
        <v>168</v>
      </c>
      <c r="G26" s="209">
        <v>0.11715481171548117</v>
      </c>
      <c r="H26" s="63">
        <v>1</v>
      </c>
      <c r="I26" s="203">
        <v>0</v>
      </c>
      <c r="J26" s="209">
        <v>0</v>
      </c>
    </row>
    <row r="27" spans="1:10" ht="20.100000000000001" customHeight="1" x14ac:dyDescent="0.2">
      <c r="A27" s="216" t="s">
        <v>41</v>
      </c>
      <c r="B27" s="65">
        <v>627</v>
      </c>
      <c r="C27" s="394">
        <v>81</v>
      </c>
      <c r="D27" s="209">
        <v>0.12918660287081341</v>
      </c>
      <c r="E27" s="65">
        <v>627</v>
      </c>
      <c r="F27" s="394">
        <v>81</v>
      </c>
      <c r="G27" s="209">
        <v>0.12918660287081341</v>
      </c>
      <c r="H27" s="65">
        <v>0</v>
      </c>
      <c r="I27" s="394">
        <v>0</v>
      </c>
      <c r="J27" s="273" t="s">
        <v>335</v>
      </c>
    </row>
    <row r="28" spans="1:10" ht="20.100000000000001" customHeight="1" x14ac:dyDescent="0.2">
      <c r="A28" s="216" t="s">
        <v>42</v>
      </c>
      <c r="B28" s="65">
        <v>239</v>
      </c>
      <c r="C28" s="394">
        <v>22</v>
      </c>
      <c r="D28" s="209">
        <v>9.2050209205020925E-2</v>
      </c>
      <c r="E28" s="65">
        <v>239</v>
      </c>
      <c r="F28" s="394">
        <v>22</v>
      </c>
      <c r="G28" s="209">
        <v>9.2050209205020925E-2</v>
      </c>
      <c r="H28" s="65">
        <v>0</v>
      </c>
      <c r="I28" s="394">
        <v>0</v>
      </c>
      <c r="J28" s="273" t="s">
        <v>335</v>
      </c>
    </row>
    <row r="29" spans="1:10" ht="20.100000000000001" customHeight="1" x14ac:dyDescent="0.2">
      <c r="A29" s="216" t="s">
        <v>43</v>
      </c>
      <c r="B29" s="65">
        <v>150</v>
      </c>
      <c r="C29" s="394">
        <v>11</v>
      </c>
      <c r="D29" s="209">
        <v>7.3333333333333334E-2</v>
      </c>
      <c r="E29" s="65">
        <v>150</v>
      </c>
      <c r="F29" s="394">
        <v>11</v>
      </c>
      <c r="G29" s="209">
        <v>7.3333333333333334E-2</v>
      </c>
      <c r="H29" s="65">
        <v>0</v>
      </c>
      <c r="I29" s="394">
        <v>0</v>
      </c>
      <c r="J29" s="273" t="s">
        <v>335</v>
      </c>
    </row>
    <row r="30" spans="1:10" ht="20.100000000000001" customHeight="1" x14ac:dyDescent="0.2">
      <c r="A30" s="216" t="s">
        <v>44</v>
      </c>
      <c r="B30" s="65">
        <v>107</v>
      </c>
      <c r="C30" s="394">
        <v>19</v>
      </c>
      <c r="D30" s="209">
        <v>0.17757009345794392</v>
      </c>
      <c r="E30" s="65">
        <v>104</v>
      </c>
      <c r="F30" s="394">
        <v>15</v>
      </c>
      <c r="G30" s="209">
        <v>0.14423076923076922</v>
      </c>
      <c r="H30" s="65">
        <v>3</v>
      </c>
      <c r="I30" s="394">
        <v>4</v>
      </c>
      <c r="J30" s="209">
        <v>1.3333333333333333</v>
      </c>
    </row>
    <row r="31" spans="1:10" ht="20.100000000000001" customHeight="1" x14ac:dyDescent="0.2">
      <c r="A31" s="216" t="s">
        <v>45</v>
      </c>
      <c r="B31" s="65">
        <v>221</v>
      </c>
      <c r="C31" s="394">
        <v>17</v>
      </c>
      <c r="D31" s="209">
        <v>7.6923076923076927E-2</v>
      </c>
      <c r="E31" s="65">
        <v>221</v>
      </c>
      <c r="F31" s="394">
        <v>17</v>
      </c>
      <c r="G31" s="209">
        <v>7.6923076923076927E-2</v>
      </c>
      <c r="H31" s="65">
        <v>0</v>
      </c>
      <c r="I31" s="394">
        <v>0</v>
      </c>
      <c r="J31" s="273" t="s">
        <v>335</v>
      </c>
    </row>
    <row r="32" spans="1:10" ht="20.100000000000001" customHeight="1" x14ac:dyDescent="0.2">
      <c r="A32" s="216" t="s">
        <v>46</v>
      </c>
      <c r="B32" s="65">
        <v>201</v>
      </c>
      <c r="C32" s="394">
        <v>20</v>
      </c>
      <c r="D32" s="209">
        <v>9.950248756218906E-2</v>
      </c>
      <c r="E32" s="65">
        <v>200</v>
      </c>
      <c r="F32" s="394">
        <v>20</v>
      </c>
      <c r="G32" s="209">
        <v>0.1</v>
      </c>
      <c r="H32" s="65">
        <v>1</v>
      </c>
      <c r="I32" s="394">
        <v>0</v>
      </c>
      <c r="J32" s="209">
        <v>0</v>
      </c>
    </row>
    <row r="33" spans="1:10" ht="20.100000000000001" customHeight="1" thickBot="1" x14ac:dyDescent="0.25">
      <c r="A33" s="217" t="s">
        <v>47</v>
      </c>
      <c r="B33" s="70">
        <v>99</v>
      </c>
      <c r="C33" s="205">
        <v>8</v>
      </c>
      <c r="D33" s="397">
        <v>8.0808080808080815E-2</v>
      </c>
      <c r="E33" s="70">
        <v>99</v>
      </c>
      <c r="F33" s="205">
        <v>8</v>
      </c>
      <c r="G33" s="397">
        <v>8.0808080808080815E-2</v>
      </c>
      <c r="H33" s="70">
        <v>0</v>
      </c>
      <c r="I33" s="205">
        <v>0</v>
      </c>
      <c r="J33" s="398" t="s">
        <v>335</v>
      </c>
    </row>
    <row r="34" spans="1:10" ht="20.100000000000001" customHeight="1" thickTop="1" thickBot="1" x14ac:dyDescent="0.25">
      <c r="A34" s="399" t="s">
        <v>12</v>
      </c>
      <c r="B34" s="4">
        <v>3079</v>
      </c>
      <c r="C34" s="5">
        <v>346</v>
      </c>
      <c r="D34" s="400">
        <v>0.11237414745047093</v>
      </c>
      <c r="E34" s="4">
        <v>3074</v>
      </c>
      <c r="F34" s="5">
        <v>342</v>
      </c>
      <c r="G34" s="400">
        <v>0.11125569290826284</v>
      </c>
      <c r="H34" s="4">
        <v>5</v>
      </c>
      <c r="I34" s="5">
        <v>4</v>
      </c>
      <c r="J34" s="400">
        <v>0.8</v>
      </c>
    </row>
    <row r="35" spans="1:10" ht="20.100000000000001" customHeight="1" x14ac:dyDescent="0.2">
      <c r="E35" s="52"/>
      <c r="F35" s="52"/>
      <c r="G35" s="52"/>
      <c r="H35" s="52"/>
      <c r="I35" s="52"/>
    </row>
  </sheetData>
  <mergeCells count="12">
    <mergeCell ref="A24:A25"/>
    <mergeCell ref="B24:D24"/>
    <mergeCell ref="E24:G24"/>
    <mergeCell ref="H24:J24"/>
    <mergeCell ref="A4:A5"/>
    <mergeCell ref="B4:D4"/>
    <mergeCell ref="E4:G4"/>
    <mergeCell ref="H4:J4"/>
    <mergeCell ref="A15:A16"/>
    <mergeCell ref="B15:D15"/>
    <mergeCell ref="E15:G15"/>
    <mergeCell ref="H15:J15"/>
  </mergeCells>
  <phoneticPr fontId="1"/>
  <pageMargins left="0.82677165354330717" right="0.23622047244094491" top="0.74803149606299213" bottom="0.74803149606299213" header="0.31496062992125984" footer="0.31496062992125984"/>
  <pageSetup paperSize="9" scale="70" orientation="landscape" r:id="rId1"/>
  <headerFooter>
    <oddFooter>&amp;C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5"/>
  <sheetViews>
    <sheetView view="pageBreakPreview" zoomScale="80" zoomScaleNormal="80" zoomScaleSheetLayoutView="80" zoomScalePageLayoutView="50" workbookViewId="0"/>
  </sheetViews>
  <sheetFormatPr defaultColWidth="14.59765625" defaultRowHeight="20.100000000000001" customHeight="1" x14ac:dyDescent="0.2"/>
  <cols>
    <col min="1" max="3" width="14.59765625" style="7"/>
    <col min="4" max="4" width="14.59765625" style="274"/>
    <col min="5" max="16384" width="14.59765625" style="7"/>
  </cols>
  <sheetData>
    <row r="1" spans="1:10" ht="20.100000000000001" customHeight="1" x14ac:dyDescent="0.2">
      <c r="A1" s="51" t="s">
        <v>206</v>
      </c>
    </row>
    <row r="2" spans="1:10" ht="20.100000000000001" customHeight="1" x14ac:dyDescent="0.2">
      <c r="A2" s="52" t="s">
        <v>207</v>
      </c>
      <c r="F2" s="313"/>
    </row>
    <row r="3" spans="1:10" ht="20.100000000000001" customHeight="1" thickBot="1" x14ac:dyDescent="0.25">
      <c r="A3" s="7" t="s">
        <v>49</v>
      </c>
      <c r="C3" s="312" t="s">
        <v>297</v>
      </c>
      <c r="F3" s="312"/>
    </row>
    <row r="4" spans="1:10" ht="20.100000000000001" customHeight="1" x14ac:dyDescent="0.2">
      <c r="A4" s="518" t="s">
        <v>8</v>
      </c>
      <c r="B4" s="538" t="s">
        <v>32</v>
      </c>
      <c r="C4" s="539"/>
      <c r="D4" s="540"/>
      <c r="E4" s="538" t="s">
        <v>33</v>
      </c>
      <c r="F4" s="539"/>
      <c r="G4" s="540"/>
      <c r="H4" s="538" t="s">
        <v>34</v>
      </c>
      <c r="I4" s="539"/>
      <c r="J4" s="540"/>
    </row>
    <row r="5" spans="1:10" ht="20.100000000000001" customHeight="1" thickBot="1" x14ac:dyDescent="0.25">
      <c r="A5" s="519"/>
      <c r="B5" s="390" t="s">
        <v>296</v>
      </c>
      <c r="C5" s="391" t="s">
        <v>284</v>
      </c>
      <c r="D5" s="392" t="s">
        <v>265</v>
      </c>
      <c r="E5" s="390" t="s">
        <v>296</v>
      </c>
      <c r="F5" s="391" t="s">
        <v>284</v>
      </c>
      <c r="G5" s="392" t="s">
        <v>265</v>
      </c>
      <c r="H5" s="390" t="s">
        <v>296</v>
      </c>
      <c r="I5" s="391" t="s">
        <v>284</v>
      </c>
      <c r="J5" s="392" t="s">
        <v>265</v>
      </c>
    </row>
    <row r="6" spans="1:10" ht="20.100000000000001" customHeight="1" thickTop="1" x14ac:dyDescent="0.2">
      <c r="A6" s="215" t="s">
        <v>97</v>
      </c>
      <c r="B6" s="393">
        <v>36</v>
      </c>
      <c r="C6" s="203">
        <v>1</v>
      </c>
      <c r="D6" s="209">
        <v>2.7777777777777776E-2</v>
      </c>
      <c r="E6" s="63">
        <v>36</v>
      </c>
      <c r="F6" s="203">
        <v>1</v>
      </c>
      <c r="G6" s="209">
        <v>2.7777777777777776E-2</v>
      </c>
      <c r="H6" s="63">
        <v>0</v>
      </c>
      <c r="I6" s="203">
        <v>0</v>
      </c>
      <c r="J6" s="273" t="s">
        <v>335</v>
      </c>
    </row>
    <row r="7" spans="1:10" ht="20.100000000000001" customHeight="1" x14ac:dyDescent="0.2">
      <c r="A7" s="216" t="s">
        <v>98</v>
      </c>
      <c r="B7" s="65">
        <v>173</v>
      </c>
      <c r="C7" s="394">
        <v>16</v>
      </c>
      <c r="D7" s="209">
        <v>9.2485549132947972E-2</v>
      </c>
      <c r="E7" s="65">
        <v>172</v>
      </c>
      <c r="F7" s="394">
        <v>16</v>
      </c>
      <c r="G7" s="395">
        <v>9.3023255813953487E-2</v>
      </c>
      <c r="H7" s="65">
        <v>1</v>
      </c>
      <c r="I7" s="394">
        <v>0</v>
      </c>
      <c r="J7" s="395">
        <v>0</v>
      </c>
    </row>
    <row r="8" spans="1:10" ht="20.100000000000001" customHeight="1" x14ac:dyDescent="0.2">
      <c r="A8" s="216" t="s">
        <v>99</v>
      </c>
      <c r="B8" s="65">
        <v>267</v>
      </c>
      <c r="C8" s="394">
        <v>41</v>
      </c>
      <c r="D8" s="209">
        <v>0.15355805243445692</v>
      </c>
      <c r="E8" s="65">
        <v>267</v>
      </c>
      <c r="F8" s="394">
        <v>41</v>
      </c>
      <c r="G8" s="395">
        <v>0.15355805243445692</v>
      </c>
      <c r="H8" s="65">
        <v>0</v>
      </c>
      <c r="I8" s="394">
        <v>0</v>
      </c>
      <c r="J8" s="396" t="s">
        <v>335</v>
      </c>
    </row>
    <row r="9" spans="1:10" ht="20.100000000000001" customHeight="1" x14ac:dyDescent="0.2">
      <c r="A9" s="216" t="s">
        <v>100</v>
      </c>
      <c r="B9" s="65">
        <v>285</v>
      </c>
      <c r="C9" s="394">
        <v>40</v>
      </c>
      <c r="D9" s="209">
        <v>0.14035087719298245</v>
      </c>
      <c r="E9" s="65">
        <v>285</v>
      </c>
      <c r="F9" s="394">
        <v>40</v>
      </c>
      <c r="G9" s="395">
        <v>0.14035087719298245</v>
      </c>
      <c r="H9" s="65">
        <v>0</v>
      </c>
      <c r="I9" s="394">
        <v>0</v>
      </c>
      <c r="J9" s="396" t="s">
        <v>335</v>
      </c>
    </row>
    <row r="10" spans="1:10" ht="20.100000000000001" customHeight="1" x14ac:dyDescent="0.2">
      <c r="A10" s="216" t="s">
        <v>101</v>
      </c>
      <c r="B10" s="65">
        <v>257</v>
      </c>
      <c r="C10" s="394">
        <v>27</v>
      </c>
      <c r="D10" s="209">
        <v>0.10505836575875487</v>
      </c>
      <c r="E10" s="65">
        <v>254</v>
      </c>
      <c r="F10" s="394">
        <v>23</v>
      </c>
      <c r="G10" s="395">
        <v>9.055118110236221E-2</v>
      </c>
      <c r="H10" s="65">
        <v>3</v>
      </c>
      <c r="I10" s="394">
        <v>4</v>
      </c>
      <c r="J10" s="395">
        <v>1.3333333333333333</v>
      </c>
    </row>
    <row r="11" spans="1:10" ht="20.100000000000001" customHeight="1" thickBot="1" x14ac:dyDescent="0.25">
      <c r="A11" s="217" t="s">
        <v>11</v>
      </c>
      <c r="B11" s="70">
        <v>804</v>
      </c>
      <c r="C11" s="205">
        <v>75</v>
      </c>
      <c r="D11" s="397">
        <v>9.3283582089552244E-2</v>
      </c>
      <c r="E11" s="70">
        <v>804</v>
      </c>
      <c r="F11" s="205">
        <v>75</v>
      </c>
      <c r="G11" s="397">
        <v>9.3283582089552244E-2</v>
      </c>
      <c r="H11" s="70">
        <v>0</v>
      </c>
      <c r="I11" s="205">
        <v>0</v>
      </c>
      <c r="J11" s="398" t="s">
        <v>335</v>
      </c>
    </row>
    <row r="12" spans="1:10" ht="20.100000000000001" customHeight="1" thickTop="1" thickBot="1" x14ac:dyDescent="0.25">
      <c r="A12" s="399" t="s">
        <v>16</v>
      </c>
      <c r="B12" s="4">
        <v>1822</v>
      </c>
      <c r="C12" s="6">
        <v>200</v>
      </c>
      <c r="D12" s="400">
        <v>0.10976948408342481</v>
      </c>
      <c r="E12" s="5">
        <v>1818</v>
      </c>
      <c r="F12" s="5">
        <v>196</v>
      </c>
      <c r="G12" s="400">
        <v>0.10781078107810781</v>
      </c>
      <c r="H12" s="5">
        <v>4</v>
      </c>
      <c r="I12" s="5">
        <v>4</v>
      </c>
      <c r="J12" s="400">
        <v>1</v>
      </c>
    </row>
    <row r="14" spans="1:10" ht="20.100000000000001" customHeight="1" thickBot="1" x14ac:dyDescent="0.25">
      <c r="A14" s="7" t="s">
        <v>50</v>
      </c>
    </row>
    <row r="15" spans="1:10" s="90" customFormat="1" ht="20.100000000000001" customHeight="1" x14ac:dyDescent="0.2">
      <c r="A15" s="518" t="s">
        <v>196</v>
      </c>
      <c r="B15" s="538" t="s">
        <v>32</v>
      </c>
      <c r="C15" s="539"/>
      <c r="D15" s="540"/>
      <c r="E15" s="538" t="s">
        <v>33</v>
      </c>
      <c r="F15" s="539"/>
      <c r="G15" s="540"/>
      <c r="H15" s="538" t="s">
        <v>34</v>
      </c>
      <c r="I15" s="539"/>
      <c r="J15" s="540"/>
    </row>
    <row r="16" spans="1:10" s="90" customFormat="1" ht="20.100000000000001" customHeight="1" thickBot="1" x14ac:dyDescent="0.25">
      <c r="A16" s="519"/>
      <c r="B16" s="390" t="s">
        <v>296</v>
      </c>
      <c r="C16" s="391" t="s">
        <v>284</v>
      </c>
      <c r="D16" s="392" t="s">
        <v>265</v>
      </c>
      <c r="E16" s="390" t="s">
        <v>296</v>
      </c>
      <c r="F16" s="391" t="s">
        <v>284</v>
      </c>
      <c r="G16" s="392" t="s">
        <v>265</v>
      </c>
      <c r="H16" s="390" t="s">
        <v>296</v>
      </c>
      <c r="I16" s="391" t="s">
        <v>284</v>
      </c>
      <c r="J16" s="392" t="s">
        <v>265</v>
      </c>
    </row>
    <row r="17" spans="1:10" ht="20.100000000000001" customHeight="1" thickTop="1" x14ac:dyDescent="0.2">
      <c r="A17" s="215" t="s">
        <v>35</v>
      </c>
      <c r="B17" s="63">
        <v>3</v>
      </c>
      <c r="C17" s="203">
        <v>0</v>
      </c>
      <c r="D17" s="209">
        <v>0</v>
      </c>
      <c r="E17" s="63">
        <v>3</v>
      </c>
      <c r="F17" s="203">
        <v>0</v>
      </c>
      <c r="G17" s="209">
        <v>0</v>
      </c>
      <c r="H17" s="63">
        <v>0</v>
      </c>
      <c r="I17" s="203">
        <v>0</v>
      </c>
      <c r="J17" s="273" t="s">
        <v>335</v>
      </c>
    </row>
    <row r="18" spans="1:10" ht="20.100000000000001" customHeight="1" x14ac:dyDescent="0.2">
      <c r="A18" s="216" t="s">
        <v>36</v>
      </c>
      <c r="B18" s="65">
        <v>30</v>
      </c>
      <c r="C18" s="394">
        <v>3</v>
      </c>
      <c r="D18" s="209">
        <v>0.1</v>
      </c>
      <c r="E18" s="65">
        <v>30</v>
      </c>
      <c r="F18" s="394">
        <v>3</v>
      </c>
      <c r="G18" s="209">
        <v>0.1</v>
      </c>
      <c r="H18" s="65">
        <v>0</v>
      </c>
      <c r="I18" s="394">
        <v>0</v>
      </c>
      <c r="J18" s="273" t="s">
        <v>335</v>
      </c>
    </row>
    <row r="19" spans="1:10" ht="20.100000000000001" customHeight="1" x14ac:dyDescent="0.2">
      <c r="A19" s="216" t="s">
        <v>37</v>
      </c>
      <c r="B19" s="65">
        <v>1782</v>
      </c>
      <c r="C19" s="394">
        <v>195</v>
      </c>
      <c r="D19" s="209">
        <v>0.10942760942760943</v>
      </c>
      <c r="E19" s="65">
        <v>1779</v>
      </c>
      <c r="F19" s="394">
        <v>191</v>
      </c>
      <c r="G19" s="209">
        <v>0.10736368746486791</v>
      </c>
      <c r="H19" s="65">
        <v>3</v>
      </c>
      <c r="I19" s="394">
        <v>4</v>
      </c>
      <c r="J19" s="209">
        <v>1.3333333333333333</v>
      </c>
    </row>
    <row r="20" spans="1:10" ht="20.100000000000001" customHeight="1" thickBot="1" x14ac:dyDescent="0.25">
      <c r="A20" s="217" t="s">
        <v>38</v>
      </c>
      <c r="B20" s="70">
        <v>7</v>
      </c>
      <c r="C20" s="205">
        <v>2</v>
      </c>
      <c r="D20" s="397">
        <v>0.2857142857142857</v>
      </c>
      <c r="E20" s="70">
        <v>6</v>
      </c>
      <c r="F20" s="205">
        <v>2</v>
      </c>
      <c r="G20" s="397">
        <v>0.33333333333333331</v>
      </c>
      <c r="H20" s="70">
        <v>1</v>
      </c>
      <c r="I20" s="205">
        <v>0</v>
      </c>
      <c r="J20" s="398" t="s">
        <v>335</v>
      </c>
    </row>
    <row r="21" spans="1:10" ht="20.100000000000001" customHeight="1" thickTop="1" thickBot="1" x14ac:dyDescent="0.25">
      <c r="A21" s="3" t="s">
        <v>16</v>
      </c>
      <c r="B21" s="4">
        <v>1822</v>
      </c>
      <c r="C21" s="5">
        <v>200</v>
      </c>
      <c r="D21" s="400">
        <v>0.10976948408342481</v>
      </c>
      <c r="E21" s="4">
        <v>1818</v>
      </c>
      <c r="F21" s="5">
        <v>196</v>
      </c>
      <c r="G21" s="400">
        <v>0.10781078107810781</v>
      </c>
      <c r="H21" s="4">
        <v>4</v>
      </c>
      <c r="I21" s="5">
        <v>4</v>
      </c>
      <c r="J21" s="400">
        <v>1</v>
      </c>
    </row>
    <row r="23" spans="1:10" ht="20.100000000000001" customHeight="1" thickBot="1" x14ac:dyDescent="0.25">
      <c r="A23" s="7" t="s">
        <v>51</v>
      </c>
    </row>
    <row r="24" spans="1:10" s="90" customFormat="1" ht="20.100000000000001" customHeight="1" x14ac:dyDescent="0.2">
      <c r="A24" s="518" t="s">
        <v>39</v>
      </c>
      <c r="B24" s="538" t="s">
        <v>32</v>
      </c>
      <c r="C24" s="539"/>
      <c r="D24" s="540"/>
      <c r="E24" s="538" t="s">
        <v>33</v>
      </c>
      <c r="F24" s="539"/>
      <c r="G24" s="540"/>
      <c r="H24" s="538" t="s">
        <v>34</v>
      </c>
      <c r="I24" s="539"/>
      <c r="J24" s="540"/>
    </row>
    <row r="25" spans="1:10" s="90" customFormat="1" ht="20.100000000000001" customHeight="1" thickBot="1" x14ac:dyDescent="0.25">
      <c r="A25" s="519"/>
      <c r="B25" s="390" t="s">
        <v>296</v>
      </c>
      <c r="C25" s="391" t="s">
        <v>284</v>
      </c>
      <c r="D25" s="392" t="s">
        <v>265</v>
      </c>
      <c r="E25" s="390" t="s">
        <v>296</v>
      </c>
      <c r="F25" s="391" t="s">
        <v>284</v>
      </c>
      <c r="G25" s="392" t="s">
        <v>265</v>
      </c>
      <c r="H25" s="390" t="s">
        <v>296</v>
      </c>
      <c r="I25" s="391" t="s">
        <v>284</v>
      </c>
      <c r="J25" s="392" t="s">
        <v>265</v>
      </c>
    </row>
    <row r="26" spans="1:10" ht="20.100000000000001" customHeight="1" thickTop="1" x14ac:dyDescent="0.2">
      <c r="A26" s="215" t="s">
        <v>40</v>
      </c>
      <c r="B26" s="63">
        <v>788</v>
      </c>
      <c r="C26" s="203">
        <v>96</v>
      </c>
      <c r="D26" s="209">
        <v>0.12182741116751269</v>
      </c>
      <c r="E26" s="63">
        <v>787</v>
      </c>
      <c r="F26" s="203">
        <v>96</v>
      </c>
      <c r="G26" s="209">
        <v>0.12198221092757307</v>
      </c>
      <c r="H26" s="63">
        <v>1</v>
      </c>
      <c r="I26" s="203">
        <v>0</v>
      </c>
      <c r="J26" s="209">
        <v>0</v>
      </c>
    </row>
    <row r="27" spans="1:10" ht="20.100000000000001" customHeight="1" x14ac:dyDescent="0.2">
      <c r="A27" s="216" t="s">
        <v>41</v>
      </c>
      <c r="B27" s="65">
        <v>260</v>
      </c>
      <c r="C27" s="394">
        <v>34</v>
      </c>
      <c r="D27" s="209">
        <v>0.13076923076923078</v>
      </c>
      <c r="E27" s="65">
        <v>260</v>
      </c>
      <c r="F27" s="394">
        <v>34</v>
      </c>
      <c r="G27" s="209">
        <v>0.13076923076923078</v>
      </c>
      <c r="H27" s="65">
        <v>0</v>
      </c>
      <c r="I27" s="394">
        <v>0</v>
      </c>
      <c r="J27" s="273" t="s">
        <v>335</v>
      </c>
    </row>
    <row r="28" spans="1:10" ht="20.100000000000001" customHeight="1" x14ac:dyDescent="0.2">
      <c r="A28" s="216" t="s">
        <v>42</v>
      </c>
      <c r="B28" s="65">
        <v>142</v>
      </c>
      <c r="C28" s="394">
        <v>11</v>
      </c>
      <c r="D28" s="209">
        <v>7.746478873239436E-2</v>
      </c>
      <c r="E28" s="65">
        <v>142</v>
      </c>
      <c r="F28" s="394">
        <v>11</v>
      </c>
      <c r="G28" s="209">
        <v>7.746478873239436E-2</v>
      </c>
      <c r="H28" s="65">
        <v>0</v>
      </c>
      <c r="I28" s="394">
        <v>0</v>
      </c>
      <c r="J28" s="273" t="s">
        <v>335</v>
      </c>
    </row>
    <row r="29" spans="1:10" ht="20.100000000000001" customHeight="1" x14ac:dyDescent="0.2">
      <c r="A29" s="216" t="s">
        <v>43</v>
      </c>
      <c r="B29" s="65">
        <v>120</v>
      </c>
      <c r="C29" s="394">
        <v>9</v>
      </c>
      <c r="D29" s="209">
        <v>7.4999999999999997E-2</v>
      </c>
      <c r="E29" s="65">
        <v>120</v>
      </c>
      <c r="F29" s="394">
        <v>9</v>
      </c>
      <c r="G29" s="209">
        <v>7.4999999999999997E-2</v>
      </c>
      <c r="H29" s="65">
        <v>0</v>
      </c>
      <c r="I29" s="394">
        <v>0</v>
      </c>
      <c r="J29" s="273" t="s">
        <v>335</v>
      </c>
    </row>
    <row r="30" spans="1:10" ht="20.100000000000001" customHeight="1" x14ac:dyDescent="0.2">
      <c r="A30" s="216" t="s">
        <v>44</v>
      </c>
      <c r="B30" s="65">
        <v>86</v>
      </c>
      <c r="C30" s="394">
        <v>17</v>
      </c>
      <c r="D30" s="209">
        <v>0.19767441860465115</v>
      </c>
      <c r="E30" s="65">
        <v>83</v>
      </c>
      <c r="F30" s="394">
        <v>13</v>
      </c>
      <c r="G30" s="209">
        <v>0.15662650602409639</v>
      </c>
      <c r="H30" s="65">
        <v>3</v>
      </c>
      <c r="I30" s="394">
        <v>4</v>
      </c>
      <c r="J30" s="209">
        <v>1.3333333333333333</v>
      </c>
    </row>
    <row r="31" spans="1:10" ht="20.100000000000001" customHeight="1" x14ac:dyDescent="0.2">
      <c r="A31" s="216" t="s">
        <v>45</v>
      </c>
      <c r="B31" s="65">
        <v>182</v>
      </c>
      <c r="C31" s="394">
        <v>11</v>
      </c>
      <c r="D31" s="209">
        <v>6.043956043956044E-2</v>
      </c>
      <c r="E31" s="65">
        <v>182</v>
      </c>
      <c r="F31" s="394">
        <v>11</v>
      </c>
      <c r="G31" s="209">
        <v>6.043956043956044E-2</v>
      </c>
      <c r="H31" s="65">
        <v>0</v>
      </c>
      <c r="I31" s="394">
        <v>0</v>
      </c>
      <c r="J31" s="273" t="s">
        <v>335</v>
      </c>
    </row>
    <row r="32" spans="1:10" ht="20.100000000000001" customHeight="1" x14ac:dyDescent="0.2">
      <c r="A32" s="216" t="s">
        <v>46</v>
      </c>
      <c r="B32" s="65">
        <v>159</v>
      </c>
      <c r="C32" s="394">
        <v>16</v>
      </c>
      <c r="D32" s="209">
        <v>0.10062893081761007</v>
      </c>
      <c r="E32" s="65">
        <v>159</v>
      </c>
      <c r="F32" s="394">
        <v>16</v>
      </c>
      <c r="G32" s="209">
        <v>0.10062893081761007</v>
      </c>
      <c r="H32" s="65">
        <v>0</v>
      </c>
      <c r="I32" s="394">
        <v>0</v>
      </c>
      <c r="J32" s="273" t="s">
        <v>335</v>
      </c>
    </row>
    <row r="33" spans="1:10" ht="20.100000000000001" customHeight="1" thickBot="1" x14ac:dyDescent="0.25">
      <c r="A33" s="217" t="s">
        <v>47</v>
      </c>
      <c r="B33" s="70">
        <v>85</v>
      </c>
      <c r="C33" s="205">
        <v>6</v>
      </c>
      <c r="D33" s="397">
        <v>7.0588235294117646E-2</v>
      </c>
      <c r="E33" s="70">
        <v>85</v>
      </c>
      <c r="F33" s="205">
        <v>6</v>
      </c>
      <c r="G33" s="397">
        <v>7.0588235294117646E-2</v>
      </c>
      <c r="H33" s="70">
        <v>0</v>
      </c>
      <c r="I33" s="205">
        <v>0</v>
      </c>
      <c r="J33" s="398" t="s">
        <v>335</v>
      </c>
    </row>
    <row r="34" spans="1:10" ht="20.100000000000001" customHeight="1" thickTop="1" thickBot="1" x14ac:dyDescent="0.25">
      <c r="A34" s="399" t="s">
        <v>12</v>
      </c>
      <c r="B34" s="4">
        <v>1822</v>
      </c>
      <c r="C34" s="5">
        <v>200</v>
      </c>
      <c r="D34" s="400">
        <v>0.10976948408342481</v>
      </c>
      <c r="E34" s="4">
        <v>1818</v>
      </c>
      <c r="F34" s="5">
        <v>196</v>
      </c>
      <c r="G34" s="400">
        <v>0.10781078107810781</v>
      </c>
      <c r="H34" s="4">
        <v>4</v>
      </c>
      <c r="I34" s="5">
        <v>4</v>
      </c>
      <c r="J34" s="400">
        <v>1</v>
      </c>
    </row>
    <row r="35" spans="1:10" ht="20.100000000000001" customHeight="1" x14ac:dyDescent="0.2">
      <c r="E35" s="52"/>
      <c r="F35" s="52"/>
      <c r="G35" s="52"/>
      <c r="H35" s="52"/>
      <c r="I35" s="52"/>
    </row>
  </sheetData>
  <mergeCells count="12">
    <mergeCell ref="A24:A25"/>
    <mergeCell ref="B24:D24"/>
    <mergeCell ref="E24:G24"/>
    <mergeCell ref="H24:J24"/>
    <mergeCell ref="A4:A5"/>
    <mergeCell ref="B4:D4"/>
    <mergeCell ref="E4:G4"/>
    <mergeCell ref="H4:J4"/>
    <mergeCell ref="A15:A16"/>
    <mergeCell ref="B15:D15"/>
    <mergeCell ref="E15:G15"/>
    <mergeCell ref="H15:J15"/>
  </mergeCells>
  <phoneticPr fontId="1"/>
  <pageMargins left="0.82677165354330717" right="0.23622047244094491" top="0.74803149606299213" bottom="0.74803149606299213" header="0.31496062992125984" footer="0.31496062992125984"/>
  <pageSetup paperSize="9" scale="70" orientation="landscape" r:id="rId1"/>
  <headerFooter>
    <oddFooter>&amp;C&amp;P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5"/>
  <sheetViews>
    <sheetView view="pageBreakPreview" zoomScale="80" zoomScaleNormal="80" zoomScaleSheetLayoutView="80" zoomScalePageLayoutView="50" workbookViewId="0"/>
  </sheetViews>
  <sheetFormatPr defaultColWidth="14.59765625" defaultRowHeight="20.100000000000001" customHeight="1" x14ac:dyDescent="0.2"/>
  <cols>
    <col min="1" max="3" width="14.59765625" style="7"/>
    <col min="4" max="4" width="14.59765625" style="274"/>
    <col min="5" max="16384" width="14.59765625" style="7"/>
  </cols>
  <sheetData>
    <row r="1" spans="1:10" ht="20.100000000000001" customHeight="1" x14ac:dyDescent="0.2">
      <c r="A1" s="51" t="s">
        <v>206</v>
      </c>
    </row>
    <row r="2" spans="1:10" ht="20.100000000000001" customHeight="1" x14ac:dyDescent="0.2">
      <c r="A2" s="52" t="s">
        <v>208</v>
      </c>
      <c r="E2" s="312"/>
      <c r="F2" s="313"/>
    </row>
    <row r="3" spans="1:10" ht="20.100000000000001" customHeight="1" thickBot="1" x14ac:dyDescent="0.25">
      <c r="A3" s="7" t="s">
        <v>49</v>
      </c>
      <c r="C3" s="312" t="s">
        <v>297</v>
      </c>
      <c r="F3" s="312"/>
    </row>
    <row r="4" spans="1:10" ht="20.100000000000001" customHeight="1" x14ac:dyDescent="0.2">
      <c r="A4" s="518" t="s">
        <v>8</v>
      </c>
      <c r="B4" s="538" t="s">
        <v>32</v>
      </c>
      <c r="C4" s="539"/>
      <c r="D4" s="540"/>
      <c r="E4" s="538" t="s">
        <v>33</v>
      </c>
      <c r="F4" s="539"/>
      <c r="G4" s="540"/>
      <c r="H4" s="538" t="s">
        <v>34</v>
      </c>
      <c r="I4" s="539"/>
      <c r="J4" s="540"/>
    </row>
    <row r="5" spans="1:10" ht="20.100000000000001" customHeight="1" thickBot="1" x14ac:dyDescent="0.25">
      <c r="A5" s="519"/>
      <c r="B5" s="390" t="s">
        <v>296</v>
      </c>
      <c r="C5" s="391" t="s">
        <v>284</v>
      </c>
      <c r="D5" s="392" t="s">
        <v>264</v>
      </c>
      <c r="E5" s="390" t="s">
        <v>296</v>
      </c>
      <c r="F5" s="391" t="s">
        <v>284</v>
      </c>
      <c r="G5" s="392" t="s">
        <v>265</v>
      </c>
      <c r="H5" s="390" t="s">
        <v>296</v>
      </c>
      <c r="I5" s="391" t="s">
        <v>284</v>
      </c>
      <c r="J5" s="392" t="s">
        <v>265</v>
      </c>
    </row>
    <row r="6" spans="1:10" ht="20.100000000000001" customHeight="1" thickTop="1" x14ac:dyDescent="0.2">
      <c r="A6" s="215" t="s">
        <v>97</v>
      </c>
      <c r="B6" s="393">
        <v>7</v>
      </c>
      <c r="C6" s="203">
        <v>0</v>
      </c>
      <c r="D6" s="209">
        <v>0</v>
      </c>
      <c r="E6" s="63">
        <v>7</v>
      </c>
      <c r="F6" s="203">
        <v>0</v>
      </c>
      <c r="G6" s="209">
        <v>0</v>
      </c>
      <c r="H6" s="63">
        <v>0</v>
      </c>
      <c r="I6" s="203">
        <v>0</v>
      </c>
      <c r="J6" s="273" t="s">
        <v>335</v>
      </c>
    </row>
    <row r="7" spans="1:10" ht="20.100000000000001" customHeight="1" x14ac:dyDescent="0.2">
      <c r="A7" s="216" t="s">
        <v>98</v>
      </c>
      <c r="B7" s="65">
        <v>42</v>
      </c>
      <c r="C7" s="394">
        <v>10</v>
      </c>
      <c r="D7" s="209">
        <v>0.23809523809523808</v>
      </c>
      <c r="E7" s="65">
        <v>41</v>
      </c>
      <c r="F7" s="394">
        <v>10</v>
      </c>
      <c r="G7" s="395">
        <v>0.24390243902439024</v>
      </c>
      <c r="H7" s="65">
        <v>1</v>
      </c>
      <c r="I7" s="394">
        <v>0</v>
      </c>
      <c r="J7" s="395">
        <v>0</v>
      </c>
    </row>
    <row r="8" spans="1:10" ht="20.100000000000001" customHeight="1" x14ac:dyDescent="0.2">
      <c r="A8" s="216" t="s">
        <v>99</v>
      </c>
      <c r="B8" s="65">
        <v>67</v>
      </c>
      <c r="C8" s="394">
        <v>8</v>
      </c>
      <c r="D8" s="209">
        <v>0.11940298507462686</v>
      </c>
      <c r="E8" s="65">
        <v>67</v>
      </c>
      <c r="F8" s="394">
        <v>8</v>
      </c>
      <c r="G8" s="395">
        <v>0.11940298507462686</v>
      </c>
      <c r="H8" s="65">
        <v>0</v>
      </c>
      <c r="I8" s="394">
        <v>0</v>
      </c>
      <c r="J8" s="396" t="s">
        <v>335</v>
      </c>
    </row>
    <row r="9" spans="1:10" ht="20.100000000000001" customHeight="1" x14ac:dyDescent="0.2">
      <c r="A9" s="216" t="s">
        <v>100</v>
      </c>
      <c r="B9" s="65">
        <v>234</v>
      </c>
      <c r="C9" s="394">
        <v>15</v>
      </c>
      <c r="D9" s="209">
        <v>6.4102564102564097E-2</v>
      </c>
      <c r="E9" s="65">
        <v>234</v>
      </c>
      <c r="F9" s="394">
        <v>15</v>
      </c>
      <c r="G9" s="395">
        <v>6.4102564102564097E-2</v>
      </c>
      <c r="H9" s="65">
        <v>0</v>
      </c>
      <c r="I9" s="394">
        <v>0</v>
      </c>
      <c r="J9" s="396" t="s">
        <v>335</v>
      </c>
    </row>
    <row r="10" spans="1:10" ht="20.100000000000001" customHeight="1" x14ac:dyDescent="0.2">
      <c r="A10" s="216" t="s">
        <v>101</v>
      </c>
      <c r="B10" s="65">
        <v>142</v>
      </c>
      <c r="C10" s="394">
        <v>25</v>
      </c>
      <c r="D10" s="209">
        <v>0.176056338028169</v>
      </c>
      <c r="E10" s="65">
        <v>142</v>
      </c>
      <c r="F10" s="394">
        <v>25</v>
      </c>
      <c r="G10" s="395">
        <v>0.176056338028169</v>
      </c>
      <c r="H10" s="65">
        <v>0</v>
      </c>
      <c r="I10" s="394">
        <v>0</v>
      </c>
      <c r="J10" s="396" t="s">
        <v>335</v>
      </c>
    </row>
    <row r="11" spans="1:10" ht="20.100000000000001" customHeight="1" thickBot="1" x14ac:dyDescent="0.25">
      <c r="A11" s="217" t="s">
        <v>11</v>
      </c>
      <c r="B11" s="70">
        <v>765</v>
      </c>
      <c r="C11" s="205">
        <v>88</v>
      </c>
      <c r="D11" s="397">
        <v>0.11503267973856209</v>
      </c>
      <c r="E11" s="70">
        <v>765</v>
      </c>
      <c r="F11" s="205">
        <v>88</v>
      </c>
      <c r="G11" s="397">
        <v>0.11503267973856209</v>
      </c>
      <c r="H11" s="70">
        <v>0</v>
      </c>
      <c r="I11" s="205">
        <v>0</v>
      </c>
      <c r="J11" s="398" t="s">
        <v>335</v>
      </c>
    </row>
    <row r="12" spans="1:10" ht="20.100000000000001" customHeight="1" thickTop="1" thickBot="1" x14ac:dyDescent="0.25">
      <c r="A12" s="399" t="s">
        <v>16</v>
      </c>
      <c r="B12" s="4">
        <v>1257</v>
      </c>
      <c r="C12" s="6">
        <v>146</v>
      </c>
      <c r="D12" s="400">
        <v>0.11614956245027844</v>
      </c>
      <c r="E12" s="5">
        <v>1256</v>
      </c>
      <c r="F12" s="5">
        <v>146</v>
      </c>
      <c r="G12" s="400">
        <v>0.11624203821656051</v>
      </c>
      <c r="H12" s="5">
        <v>1</v>
      </c>
      <c r="I12" s="5">
        <v>0</v>
      </c>
      <c r="J12" s="400">
        <v>0</v>
      </c>
    </row>
    <row r="14" spans="1:10" ht="20.100000000000001" customHeight="1" thickBot="1" x14ac:dyDescent="0.25">
      <c r="A14" s="7" t="s">
        <v>50</v>
      </c>
    </row>
    <row r="15" spans="1:10" s="90" customFormat="1" ht="20.100000000000001" customHeight="1" x14ac:dyDescent="0.2">
      <c r="A15" s="518" t="s">
        <v>197</v>
      </c>
      <c r="B15" s="538" t="s">
        <v>32</v>
      </c>
      <c r="C15" s="539"/>
      <c r="D15" s="540"/>
      <c r="E15" s="538" t="s">
        <v>33</v>
      </c>
      <c r="F15" s="539"/>
      <c r="G15" s="540"/>
      <c r="H15" s="538" t="s">
        <v>34</v>
      </c>
      <c r="I15" s="539"/>
      <c r="J15" s="540"/>
    </row>
    <row r="16" spans="1:10" s="90" customFormat="1" ht="20.100000000000001" customHeight="1" thickBot="1" x14ac:dyDescent="0.25">
      <c r="A16" s="519"/>
      <c r="B16" s="390" t="s">
        <v>296</v>
      </c>
      <c r="C16" s="391" t="s">
        <v>284</v>
      </c>
      <c r="D16" s="392" t="s">
        <v>264</v>
      </c>
      <c r="E16" s="390" t="s">
        <v>296</v>
      </c>
      <c r="F16" s="391" t="s">
        <v>284</v>
      </c>
      <c r="G16" s="392" t="s">
        <v>265</v>
      </c>
      <c r="H16" s="390" t="s">
        <v>296</v>
      </c>
      <c r="I16" s="391" t="s">
        <v>284</v>
      </c>
      <c r="J16" s="392" t="s">
        <v>265</v>
      </c>
    </row>
    <row r="17" spans="1:10" ht="20.100000000000001" customHeight="1" thickTop="1" x14ac:dyDescent="0.2">
      <c r="A17" s="215" t="s">
        <v>35</v>
      </c>
      <c r="B17" s="63">
        <v>13</v>
      </c>
      <c r="C17" s="203">
        <v>1</v>
      </c>
      <c r="D17" s="209">
        <v>7.6923076923076927E-2</v>
      </c>
      <c r="E17" s="63">
        <v>13</v>
      </c>
      <c r="F17" s="203">
        <v>1</v>
      </c>
      <c r="G17" s="209">
        <v>7.6923076923076927E-2</v>
      </c>
      <c r="H17" s="63">
        <v>0</v>
      </c>
      <c r="I17" s="203">
        <v>0</v>
      </c>
      <c r="J17" s="273" t="s">
        <v>335</v>
      </c>
    </row>
    <row r="18" spans="1:10" ht="20.100000000000001" customHeight="1" x14ac:dyDescent="0.2">
      <c r="A18" s="216" t="s">
        <v>36</v>
      </c>
      <c r="B18" s="65">
        <v>67</v>
      </c>
      <c r="C18" s="394">
        <v>3</v>
      </c>
      <c r="D18" s="209">
        <v>4.4776119402985072E-2</v>
      </c>
      <c r="E18" s="65">
        <v>67</v>
      </c>
      <c r="F18" s="394">
        <v>3</v>
      </c>
      <c r="G18" s="209">
        <v>4.4776119402985072E-2</v>
      </c>
      <c r="H18" s="65">
        <v>0</v>
      </c>
      <c r="I18" s="394">
        <v>0</v>
      </c>
      <c r="J18" s="273" t="s">
        <v>335</v>
      </c>
    </row>
    <row r="19" spans="1:10" ht="20.100000000000001" customHeight="1" x14ac:dyDescent="0.2">
      <c r="A19" s="216" t="s">
        <v>37</v>
      </c>
      <c r="B19" s="65">
        <v>1162</v>
      </c>
      <c r="C19" s="394">
        <v>140</v>
      </c>
      <c r="D19" s="209">
        <v>0.12048192771084337</v>
      </c>
      <c r="E19" s="65">
        <v>1161</v>
      </c>
      <c r="F19" s="394">
        <v>140</v>
      </c>
      <c r="G19" s="209">
        <v>0.12058570198105081</v>
      </c>
      <c r="H19" s="65">
        <v>1</v>
      </c>
      <c r="I19" s="394">
        <v>0</v>
      </c>
      <c r="J19" s="209">
        <v>0</v>
      </c>
    </row>
    <row r="20" spans="1:10" ht="20.100000000000001" customHeight="1" thickBot="1" x14ac:dyDescent="0.25">
      <c r="A20" s="217" t="s">
        <v>38</v>
      </c>
      <c r="B20" s="70">
        <v>15</v>
      </c>
      <c r="C20" s="205">
        <v>2</v>
      </c>
      <c r="D20" s="397">
        <v>0.13333333333333333</v>
      </c>
      <c r="E20" s="70">
        <v>15</v>
      </c>
      <c r="F20" s="205">
        <v>2</v>
      </c>
      <c r="G20" s="397">
        <v>0.13333333333333333</v>
      </c>
      <c r="H20" s="70">
        <v>0</v>
      </c>
      <c r="I20" s="205">
        <v>0</v>
      </c>
      <c r="J20" s="398" t="s">
        <v>335</v>
      </c>
    </row>
    <row r="21" spans="1:10" ht="20.100000000000001" customHeight="1" thickTop="1" thickBot="1" x14ac:dyDescent="0.25">
      <c r="A21" s="3" t="s">
        <v>16</v>
      </c>
      <c r="B21" s="4">
        <v>1257</v>
      </c>
      <c r="C21" s="5">
        <v>146</v>
      </c>
      <c r="D21" s="400">
        <v>0.11614956245027844</v>
      </c>
      <c r="E21" s="4">
        <v>1256</v>
      </c>
      <c r="F21" s="5">
        <v>146</v>
      </c>
      <c r="G21" s="400">
        <v>0.11624203821656051</v>
      </c>
      <c r="H21" s="4">
        <v>1</v>
      </c>
      <c r="I21" s="5">
        <v>0</v>
      </c>
      <c r="J21" s="400">
        <v>0</v>
      </c>
    </row>
    <row r="23" spans="1:10" ht="20.100000000000001" customHeight="1" thickBot="1" x14ac:dyDescent="0.25">
      <c r="A23" s="7" t="s">
        <v>51</v>
      </c>
    </row>
    <row r="24" spans="1:10" s="90" customFormat="1" ht="20.100000000000001" customHeight="1" x14ac:dyDescent="0.2">
      <c r="A24" s="518" t="s">
        <v>39</v>
      </c>
      <c r="B24" s="538" t="s">
        <v>32</v>
      </c>
      <c r="C24" s="539"/>
      <c r="D24" s="540"/>
      <c r="E24" s="538" t="s">
        <v>33</v>
      </c>
      <c r="F24" s="539"/>
      <c r="G24" s="540"/>
      <c r="H24" s="538" t="s">
        <v>34</v>
      </c>
      <c r="I24" s="539"/>
      <c r="J24" s="540"/>
    </row>
    <row r="25" spans="1:10" s="90" customFormat="1" ht="20.100000000000001" customHeight="1" thickBot="1" x14ac:dyDescent="0.25">
      <c r="A25" s="519"/>
      <c r="B25" s="390" t="s">
        <v>296</v>
      </c>
      <c r="C25" s="391" t="s">
        <v>284</v>
      </c>
      <c r="D25" s="392" t="s">
        <v>264</v>
      </c>
      <c r="E25" s="390" t="s">
        <v>296</v>
      </c>
      <c r="F25" s="391" t="s">
        <v>284</v>
      </c>
      <c r="G25" s="392" t="s">
        <v>265</v>
      </c>
      <c r="H25" s="390" t="s">
        <v>296</v>
      </c>
      <c r="I25" s="391" t="s">
        <v>284</v>
      </c>
      <c r="J25" s="392" t="s">
        <v>265</v>
      </c>
    </row>
    <row r="26" spans="1:10" ht="20.100000000000001" customHeight="1" thickTop="1" x14ac:dyDescent="0.2">
      <c r="A26" s="215" t="s">
        <v>40</v>
      </c>
      <c r="B26" s="63">
        <v>647</v>
      </c>
      <c r="C26" s="203">
        <v>72</v>
      </c>
      <c r="D26" s="209">
        <v>0.11128284389489954</v>
      </c>
      <c r="E26" s="63">
        <v>647</v>
      </c>
      <c r="F26" s="203">
        <v>72</v>
      </c>
      <c r="G26" s="209">
        <v>0.11128284389489954</v>
      </c>
      <c r="H26" s="63">
        <v>0</v>
      </c>
      <c r="I26" s="203">
        <v>0</v>
      </c>
      <c r="J26" s="273" t="s">
        <v>335</v>
      </c>
    </row>
    <row r="27" spans="1:10" ht="20.100000000000001" customHeight="1" x14ac:dyDescent="0.2">
      <c r="A27" s="216" t="s">
        <v>41</v>
      </c>
      <c r="B27" s="65">
        <v>367</v>
      </c>
      <c r="C27" s="394">
        <v>47</v>
      </c>
      <c r="D27" s="209">
        <v>0.12806539509536785</v>
      </c>
      <c r="E27" s="65">
        <v>367</v>
      </c>
      <c r="F27" s="394">
        <v>47</v>
      </c>
      <c r="G27" s="209">
        <v>0.12806539509536785</v>
      </c>
      <c r="H27" s="65">
        <v>0</v>
      </c>
      <c r="I27" s="394">
        <v>0</v>
      </c>
      <c r="J27" s="273" t="s">
        <v>335</v>
      </c>
    </row>
    <row r="28" spans="1:10" ht="20.100000000000001" customHeight="1" x14ac:dyDescent="0.2">
      <c r="A28" s="216" t="s">
        <v>42</v>
      </c>
      <c r="B28" s="65">
        <v>97</v>
      </c>
      <c r="C28" s="394">
        <v>11</v>
      </c>
      <c r="D28" s="209">
        <v>0.1134020618556701</v>
      </c>
      <c r="E28" s="65">
        <v>97</v>
      </c>
      <c r="F28" s="394">
        <v>11</v>
      </c>
      <c r="G28" s="209">
        <v>0.1134020618556701</v>
      </c>
      <c r="H28" s="65">
        <v>0</v>
      </c>
      <c r="I28" s="394">
        <v>0</v>
      </c>
      <c r="J28" s="273" t="s">
        <v>335</v>
      </c>
    </row>
    <row r="29" spans="1:10" ht="20.100000000000001" customHeight="1" x14ac:dyDescent="0.2">
      <c r="A29" s="216" t="s">
        <v>43</v>
      </c>
      <c r="B29" s="65">
        <v>30</v>
      </c>
      <c r="C29" s="394">
        <v>2</v>
      </c>
      <c r="D29" s="209">
        <v>6.6666666666666666E-2</v>
      </c>
      <c r="E29" s="65">
        <v>30</v>
      </c>
      <c r="F29" s="394">
        <v>2</v>
      </c>
      <c r="G29" s="209">
        <v>6.6666666666666666E-2</v>
      </c>
      <c r="H29" s="65">
        <v>0</v>
      </c>
      <c r="I29" s="394">
        <v>0</v>
      </c>
      <c r="J29" s="273" t="s">
        <v>335</v>
      </c>
    </row>
    <row r="30" spans="1:10" ht="20.100000000000001" customHeight="1" x14ac:dyDescent="0.2">
      <c r="A30" s="216" t="s">
        <v>44</v>
      </c>
      <c r="B30" s="65">
        <v>21</v>
      </c>
      <c r="C30" s="394">
        <v>2</v>
      </c>
      <c r="D30" s="209">
        <v>9.5238095238095233E-2</v>
      </c>
      <c r="E30" s="65">
        <v>21</v>
      </c>
      <c r="F30" s="394">
        <v>2</v>
      </c>
      <c r="G30" s="209">
        <v>9.5238095238095233E-2</v>
      </c>
      <c r="H30" s="65">
        <v>0</v>
      </c>
      <c r="I30" s="394">
        <v>0</v>
      </c>
      <c r="J30" s="273" t="s">
        <v>335</v>
      </c>
    </row>
    <row r="31" spans="1:10" ht="20.100000000000001" customHeight="1" x14ac:dyDescent="0.2">
      <c r="A31" s="216" t="s">
        <v>45</v>
      </c>
      <c r="B31" s="65">
        <v>39</v>
      </c>
      <c r="C31" s="394">
        <v>6</v>
      </c>
      <c r="D31" s="209">
        <v>0.15384615384615385</v>
      </c>
      <c r="E31" s="65">
        <v>39</v>
      </c>
      <c r="F31" s="394">
        <v>6</v>
      </c>
      <c r="G31" s="209">
        <v>0.15384615384615385</v>
      </c>
      <c r="H31" s="65">
        <v>0</v>
      </c>
      <c r="I31" s="394">
        <v>0</v>
      </c>
      <c r="J31" s="273" t="s">
        <v>335</v>
      </c>
    </row>
    <row r="32" spans="1:10" ht="20.100000000000001" customHeight="1" x14ac:dyDescent="0.2">
      <c r="A32" s="216" t="s">
        <v>46</v>
      </c>
      <c r="B32" s="65">
        <v>42</v>
      </c>
      <c r="C32" s="394">
        <v>4</v>
      </c>
      <c r="D32" s="209">
        <v>9.5238095238095233E-2</v>
      </c>
      <c r="E32" s="65">
        <v>41</v>
      </c>
      <c r="F32" s="394">
        <v>4</v>
      </c>
      <c r="G32" s="209">
        <v>9.7560975609756101E-2</v>
      </c>
      <c r="H32" s="65">
        <v>1</v>
      </c>
      <c r="I32" s="394">
        <v>0</v>
      </c>
      <c r="J32" s="209">
        <v>0</v>
      </c>
    </row>
    <row r="33" spans="1:10" ht="20.100000000000001" customHeight="1" thickBot="1" x14ac:dyDescent="0.25">
      <c r="A33" s="217" t="s">
        <v>47</v>
      </c>
      <c r="B33" s="70">
        <v>14</v>
      </c>
      <c r="C33" s="205">
        <v>2</v>
      </c>
      <c r="D33" s="397">
        <v>0.14285714285714285</v>
      </c>
      <c r="E33" s="70">
        <v>14</v>
      </c>
      <c r="F33" s="205">
        <v>2</v>
      </c>
      <c r="G33" s="397">
        <v>0.14285714285714285</v>
      </c>
      <c r="H33" s="70">
        <v>0</v>
      </c>
      <c r="I33" s="205">
        <v>0</v>
      </c>
      <c r="J33" s="398" t="s">
        <v>335</v>
      </c>
    </row>
    <row r="34" spans="1:10" ht="20.100000000000001" customHeight="1" thickTop="1" thickBot="1" x14ac:dyDescent="0.25">
      <c r="A34" s="399" t="s">
        <v>12</v>
      </c>
      <c r="B34" s="4">
        <v>1257</v>
      </c>
      <c r="C34" s="5">
        <v>146</v>
      </c>
      <c r="D34" s="400">
        <v>0.11614956245027844</v>
      </c>
      <c r="E34" s="4">
        <v>1256</v>
      </c>
      <c r="F34" s="5">
        <v>146</v>
      </c>
      <c r="G34" s="400">
        <v>0.11624203821656051</v>
      </c>
      <c r="H34" s="4">
        <v>1</v>
      </c>
      <c r="I34" s="5">
        <v>0</v>
      </c>
      <c r="J34" s="400">
        <v>0</v>
      </c>
    </row>
    <row r="35" spans="1:10" ht="20.100000000000001" customHeight="1" x14ac:dyDescent="0.2">
      <c r="E35" s="52"/>
      <c r="F35" s="52"/>
      <c r="G35" s="52"/>
      <c r="H35" s="52"/>
      <c r="I35" s="52"/>
    </row>
  </sheetData>
  <mergeCells count="12">
    <mergeCell ref="A24:A25"/>
    <mergeCell ref="B24:D24"/>
    <mergeCell ref="E24:G24"/>
    <mergeCell ref="H24:J24"/>
    <mergeCell ref="A4:A5"/>
    <mergeCell ref="B4:D4"/>
    <mergeCell ref="E4:G4"/>
    <mergeCell ref="H4:J4"/>
    <mergeCell ref="A15:A16"/>
    <mergeCell ref="B15:D15"/>
    <mergeCell ref="E15:G15"/>
    <mergeCell ref="H15:J15"/>
  </mergeCells>
  <phoneticPr fontId="1"/>
  <pageMargins left="0.82677165354330717" right="0.23622047244094491" top="0.74803149606299213" bottom="0.74803149606299213" header="0.31496062992125984" footer="0.31496062992125984"/>
  <pageSetup paperSize="9" scale="70" orientation="landscape" r:id="rId1"/>
  <headerFooter>
    <oddFooter>&amp;C&amp;P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37"/>
  <sheetViews>
    <sheetView view="pageBreakPreview" zoomScale="80" zoomScaleNormal="80" zoomScaleSheetLayoutView="80" zoomScalePageLayoutView="45" workbookViewId="0"/>
  </sheetViews>
  <sheetFormatPr defaultColWidth="7.59765625" defaultRowHeight="20.100000000000001" customHeight="1" x14ac:dyDescent="0.2"/>
  <cols>
    <col min="1" max="16384" width="7.59765625" style="7"/>
  </cols>
  <sheetData>
    <row r="1" spans="1:23" ht="20.100000000000001" customHeight="1" x14ac:dyDescent="0.2">
      <c r="A1" s="51" t="s">
        <v>246</v>
      </c>
    </row>
    <row r="2" spans="1:23" ht="20.100000000000001" customHeight="1" x14ac:dyDescent="0.2">
      <c r="A2" s="52"/>
    </row>
    <row r="3" spans="1:23" ht="20.100000000000001" customHeight="1" thickBot="1" x14ac:dyDescent="0.25">
      <c r="A3" s="7" t="s">
        <v>59</v>
      </c>
    </row>
    <row r="4" spans="1:23" ht="20.100000000000001" customHeight="1" thickBot="1" x14ac:dyDescent="0.25">
      <c r="A4" s="553" t="s">
        <v>8</v>
      </c>
      <c r="B4" s="554"/>
      <c r="C4" s="553" t="s">
        <v>285</v>
      </c>
      <c r="D4" s="557"/>
      <c r="E4" s="557"/>
      <c r="F4" s="557"/>
      <c r="G4" s="557"/>
      <c r="H4" s="557"/>
      <c r="I4" s="557"/>
      <c r="J4" s="557"/>
      <c r="K4" s="554"/>
      <c r="L4" s="553" t="s">
        <v>286</v>
      </c>
      <c r="M4" s="557"/>
      <c r="N4" s="557"/>
      <c r="O4" s="557"/>
      <c r="P4" s="557"/>
      <c r="Q4" s="557"/>
      <c r="R4" s="557"/>
      <c r="S4" s="557"/>
      <c r="T4" s="554"/>
      <c r="U4" s="538" t="s">
        <v>287</v>
      </c>
      <c r="V4" s="539"/>
      <c r="W4" s="540"/>
    </row>
    <row r="5" spans="1:23" ht="20.100000000000001" customHeight="1" x14ac:dyDescent="0.2">
      <c r="A5" s="549"/>
      <c r="B5" s="550"/>
      <c r="C5" s="561" t="s">
        <v>60</v>
      </c>
      <c r="D5" s="562"/>
      <c r="E5" s="563"/>
      <c r="F5" s="561" t="s">
        <v>61</v>
      </c>
      <c r="G5" s="562"/>
      <c r="H5" s="563"/>
      <c r="I5" s="561" t="s">
        <v>62</v>
      </c>
      <c r="J5" s="562"/>
      <c r="K5" s="563"/>
      <c r="L5" s="561" t="s">
        <v>60</v>
      </c>
      <c r="M5" s="562"/>
      <c r="N5" s="563"/>
      <c r="O5" s="561" t="s">
        <v>61</v>
      </c>
      <c r="P5" s="562"/>
      <c r="Q5" s="563"/>
      <c r="R5" s="561" t="s">
        <v>62</v>
      </c>
      <c r="S5" s="562"/>
      <c r="T5" s="563"/>
      <c r="U5" s="558"/>
      <c r="V5" s="559"/>
      <c r="W5" s="560"/>
    </row>
    <row r="6" spans="1:23" ht="20.100000000000001" customHeight="1" thickBot="1" x14ac:dyDescent="0.25">
      <c r="A6" s="555"/>
      <c r="B6" s="556"/>
      <c r="C6" s="53" t="s">
        <v>63</v>
      </c>
      <c r="D6" s="54" t="s">
        <v>64</v>
      </c>
      <c r="E6" s="55" t="s">
        <v>65</v>
      </c>
      <c r="F6" s="53" t="s">
        <v>63</v>
      </c>
      <c r="G6" s="54" t="s">
        <v>64</v>
      </c>
      <c r="H6" s="55" t="s">
        <v>65</v>
      </c>
      <c r="I6" s="53" t="s">
        <v>63</v>
      </c>
      <c r="J6" s="56" t="s">
        <v>64</v>
      </c>
      <c r="K6" s="57" t="s">
        <v>65</v>
      </c>
      <c r="L6" s="53" t="s">
        <v>63</v>
      </c>
      <c r="M6" s="54" t="s">
        <v>64</v>
      </c>
      <c r="N6" s="55" t="s">
        <v>65</v>
      </c>
      <c r="O6" s="53" t="s">
        <v>63</v>
      </c>
      <c r="P6" s="54" t="s">
        <v>64</v>
      </c>
      <c r="Q6" s="55" t="s">
        <v>65</v>
      </c>
      <c r="R6" s="53" t="s">
        <v>63</v>
      </c>
      <c r="S6" s="54" t="s">
        <v>64</v>
      </c>
      <c r="T6" s="55" t="s">
        <v>65</v>
      </c>
      <c r="U6" s="53" t="s">
        <v>63</v>
      </c>
      <c r="V6" s="54" t="s">
        <v>64</v>
      </c>
      <c r="W6" s="283" t="s">
        <v>65</v>
      </c>
    </row>
    <row r="7" spans="1:23" ht="20.100000000000001" customHeight="1" thickTop="1" x14ac:dyDescent="0.2">
      <c r="A7" s="549" t="s">
        <v>97</v>
      </c>
      <c r="B7" s="550"/>
      <c r="C7" s="58">
        <v>47</v>
      </c>
      <c r="D7" s="59">
        <v>22</v>
      </c>
      <c r="E7" s="60">
        <v>69</v>
      </c>
      <c r="F7" s="58">
        <v>37</v>
      </c>
      <c r="G7" s="59">
        <v>21</v>
      </c>
      <c r="H7" s="60">
        <v>58</v>
      </c>
      <c r="I7" s="58">
        <v>10</v>
      </c>
      <c r="J7" s="61">
        <v>1</v>
      </c>
      <c r="K7" s="62">
        <v>11</v>
      </c>
      <c r="L7" s="58">
        <v>153</v>
      </c>
      <c r="M7" s="59">
        <v>83</v>
      </c>
      <c r="N7" s="60">
        <v>236</v>
      </c>
      <c r="O7" s="58">
        <v>89</v>
      </c>
      <c r="P7" s="59">
        <v>56</v>
      </c>
      <c r="Q7" s="60">
        <v>145</v>
      </c>
      <c r="R7" s="58">
        <v>64</v>
      </c>
      <c r="S7" s="61">
        <v>27</v>
      </c>
      <c r="T7" s="62">
        <v>91</v>
      </c>
      <c r="U7" s="63">
        <v>200</v>
      </c>
      <c r="V7" s="64">
        <v>105</v>
      </c>
      <c r="W7" s="60">
        <v>305</v>
      </c>
    </row>
    <row r="8" spans="1:23" ht="20.100000000000001" customHeight="1" x14ac:dyDescent="0.2">
      <c r="A8" s="551" t="s">
        <v>98</v>
      </c>
      <c r="B8" s="552"/>
      <c r="C8" s="65">
        <v>104</v>
      </c>
      <c r="D8" s="66">
        <v>61</v>
      </c>
      <c r="E8" s="67">
        <v>165</v>
      </c>
      <c r="F8" s="65">
        <v>100</v>
      </c>
      <c r="G8" s="66">
        <v>53</v>
      </c>
      <c r="H8" s="67">
        <v>153</v>
      </c>
      <c r="I8" s="65">
        <v>4</v>
      </c>
      <c r="J8" s="66">
        <v>8</v>
      </c>
      <c r="K8" s="68">
        <v>12</v>
      </c>
      <c r="L8" s="65">
        <v>434</v>
      </c>
      <c r="M8" s="66">
        <v>176</v>
      </c>
      <c r="N8" s="67">
        <v>610</v>
      </c>
      <c r="O8" s="65">
        <v>316</v>
      </c>
      <c r="P8" s="66">
        <v>129</v>
      </c>
      <c r="Q8" s="67">
        <v>445</v>
      </c>
      <c r="R8" s="65">
        <v>118</v>
      </c>
      <c r="S8" s="66">
        <v>47</v>
      </c>
      <c r="T8" s="68">
        <v>165</v>
      </c>
      <c r="U8" s="65">
        <v>538</v>
      </c>
      <c r="V8" s="69">
        <v>237</v>
      </c>
      <c r="W8" s="60">
        <v>775</v>
      </c>
    </row>
    <row r="9" spans="1:23" ht="20.100000000000001" customHeight="1" x14ac:dyDescent="0.2">
      <c r="A9" s="551" t="s">
        <v>99</v>
      </c>
      <c r="B9" s="552"/>
      <c r="C9" s="65">
        <v>75</v>
      </c>
      <c r="D9" s="66">
        <v>70</v>
      </c>
      <c r="E9" s="67">
        <v>145</v>
      </c>
      <c r="F9" s="65">
        <v>72</v>
      </c>
      <c r="G9" s="66">
        <v>65</v>
      </c>
      <c r="H9" s="67">
        <v>137</v>
      </c>
      <c r="I9" s="65">
        <v>3</v>
      </c>
      <c r="J9" s="66">
        <v>5</v>
      </c>
      <c r="K9" s="68">
        <v>8</v>
      </c>
      <c r="L9" s="65">
        <v>250</v>
      </c>
      <c r="M9" s="66">
        <v>184</v>
      </c>
      <c r="N9" s="67">
        <v>434</v>
      </c>
      <c r="O9" s="65">
        <v>193</v>
      </c>
      <c r="P9" s="66">
        <v>134</v>
      </c>
      <c r="Q9" s="67">
        <v>327</v>
      </c>
      <c r="R9" s="65">
        <v>57</v>
      </c>
      <c r="S9" s="66">
        <v>50</v>
      </c>
      <c r="T9" s="68">
        <v>107</v>
      </c>
      <c r="U9" s="65">
        <v>325</v>
      </c>
      <c r="V9" s="69">
        <v>254</v>
      </c>
      <c r="W9" s="60">
        <v>579</v>
      </c>
    </row>
    <row r="10" spans="1:23" ht="20.100000000000001" customHeight="1" x14ac:dyDescent="0.2">
      <c r="A10" s="545" t="s">
        <v>100</v>
      </c>
      <c r="B10" s="546"/>
      <c r="C10" s="65">
        <v>59</v>
      </c>
      <c r="D10" s="66">
        <v>83</v>
      </c>
      <c r="E10" s="67">
        <v>142</v>
      </c>
      <c r="F10" s="65">
        <v>53</v>
      </c>
      <c r="G10" s="66">
        <v>81</v>
      </c>
      <c r="H10" s="67">
        <v>134</v>
      </c>
      <c r="I10" s="65">
        <v>6</v>
      </c>
      <c r="J10" s="66">
        <v>2</v>
      </c>
      <c r="K10" s="68">
        <v>8</v>
      </c>
      <c r="L10" s="65">
        <v>193</v>
      </c>
      <c r="M10" s="66">
        <v>131</v>
      </c>
      <c r="N10" s="67">
        <v>324</v>
      </c>
      <c r="O10" s="65">
        <v>143</v>
      </c>
      <c r="P10" s="66">
        <v>93</v>
      </c>
      <c r="Q10" s="67">
        <v>236</v>
      </c>
      <c r="R10" s="65">
        <v>50</v>
      </c>
      <c r="S10" s="66">
        <v>38</v>
      </c>
      <c r="T10" s="68">
        <v>88</v>
      </c>
      <c r="U10" s="65">
        <v>252</v>
      </c>
      <c r="V10" s="69">
        <v>214</v>
      </c>
      <c r="W10" s="60">
        <v>466</v>
      </c>
    </row>
    <row r="11" spans="1:23" ht="20.100000000000001" customHeight="1" x14ac:dyDescent="0.2">
      <c r="A11" s="549" t="s">
        <v>101</v>
      </c>
      <c r="B11" s="550"/>
      <c r="C11" s="65">
        <v>97</v>
      </c>
      <c r="D11" s="66">
        <v>103</v>
      </c>
      <c r="E11" s="67">
        <v>200</v>
      </c>
      <c r="F11" s="65">
        <v>81</v>
      </c>
      <c r="G11" s="66">
        <v>59</v>
      </c>
      <c r="H11" s="67">
        <v>140</v>
      </c>
      <c r="I11" s="65">
        <v>16</v>
      </c>
      <c r="J11" s="66">
        <v>44</v>
      </c>
      <c r="K11" s="68">
        <v>60</v>
      </c>
      <c r="L11" s="65">
        <v>107</v>
      </c>
      <c r="M11" s="66">
        <v>70</v>
      </c>
      <c r="N11" s="67">
        <v>177</v>
      </c>
      <c r="O11" s="65">
        <v>70</v>
      </c>
      <c r="P11" s="66">
        <v>60</v>
      </c>
      <c r="Q11" s="67">
        <v>130</v>
      </c>
      <c r="R11" s="65">
        <v>37</v>
      </c>
      <c r="S11" s="66">
        <v>10</v>
      </c>
      <c r="T11" s="68">
        <v>47</v>
      </c>
      <c r="U11" s="65">
        <v>204</v>
      </c>
      <c r="V11" s="69">
        <v>173</v>
      </c>
      <c r="W11" s="60">
        <v>377</v>
      </c>
    </row>
    <row r="12" spans="1:23" ht="20.100000000000001" customHeight="1" thickBot="1" x14ac:dyDescent="0.25">
      <c r="A12" s="541" t="s">
        <v>11</v>
      </c>
      <c r="B12" s="542"/>
      <c r="C12" s="70">
        <v>60</v>
      </c>
      <c r="D12" s="71">
        <v>98</v>
      </c>
      <c r="E12" s="72">
        <v>158</v>
      </c>
      <c r="F12" s="70">
        <v>55</v>
      </c>
      <c r="G12" s="71">
        <v>96</v>
      </c>
      <c r="H12" s="72">
        <v>151</v>
      </c>
      <c r="I12" s="70">
        <v>5</v>
      </c>
      <c r="J12" s="71">
        <v>2</v>
      </c>
      <c r="K12" s="73">
        <v>7</v>
      </c>
      <c r="L12" s="70">
        <v>71</v>
      </c>
      <c r="M12" s="71">
        <v>106</v>
      </c>
      <c r="N12" s="72">
        <v>177</v>
      </c>
      <c r="O12" s="70">
        <v>54</v>
      </c>
      <c r="P12" s="71">
        <v>76</v>
      </c>
      <c r="Q12" s="72">
        <v>130</v>
      </c>
      <c r="R12" s="70">
        <v>17</v>
      </c>
      <c r="S12" s="71">
        <v>30</v>
      </c>
      <c r="T12" s="73">
        <v>47</v>
      </c>
      <c r="U12" s="70">
        <v>131</v>
      </c>
      <c r="V12" s="74">
        <v>204</v>
      </c>
      <c r="W12" s="75">
        <v>335</v>
      </c>
    </row>
    <row r="13" spans="1:23" ht="20.100000000000001" customHeight="1" thickTop="1" thickBot="1" x14ac:dyDescent="0.25">
      <c r="A13" s="543" t="s">
        <v>16</v>
      </c>
      <c r="B13" s="544"/>
      <c r="C13" s="76">
        <v>442</v>
      </c>
      <c r="D13" s="77">
        <v>437</v>
      </c>
      <c r="E13" s="78">
        <v>879</v>
      </c>
      <c r="F13" s="76">
        <v>398</v>
      </c>
      <c r="G13" s="77">
        <v>375</v>
      </c>
      <c r="H13" s="78">
        <v>773</v>
      </c>
      <c r="I13" s="76">
        <v>44</v>
      </c>
      <c r="J13" s="77">
        <v>62</v>
      </c>
      <c r="K13" s="79">
        <v>106</v>
      </c>
      <c r="L13" s="76">
        <v>1208</v>
      </c>
      <c r="M13" s="77">
        <v>750</v>
      </c>
      <c r="N13" s="78">
        <v>1958</v>
      </c>
      <c r="O13" s="76">
        <v>865</v>
      </c>
      <c r="P13" s="77">
        <v>548</v>
      </c>
      <c r="Q13" s="78">
        <v>1413</v>
      </c>
      <c r="R13" s="76">
        <v>343</v>
      </c>
      <c r="S13" s="77">
        <v>202</v>
      </c>
      <c r="T13" s="78">
        <v>545</v>
      </c>
      <c r="U13" s="76">
        <v>1650</v>
      </c>
      <c r="V13" s="77">
        <v>1187</v>
      </c>
      <c r="W13" s="78">
        <v>2837</v>
      </c>
    </row>
    <row r="14" spans="1:23" ht="20.100000000000001" customHeight="1" x14ac:dyDescent="0.2">
      <c r="B14" s="80"/>
      <c r="C14" s="81"/>
      <c r="D14" s="81"/>
      <c r="E14" s="81"/>
      <c r="Q14" s="81"/>
      <c r="R14" s="81"/>
      <c r="S14" s="81"/>
      <c r="T14" s="82"/>
      <c r="U14" s="81"/>
      <c r="V14" s="81"/>
      <c r="W14" s="81"/>
    </row>
    <row r="15" spans="1:23" ht="20.100000000000001" customHeight="1" thickBot="1" x14ac:dyDescent="0.25">
      <c r="A15" s="7" t="s">
        <v>66</v>
      </c>
    </row>
    <row r="16" spans="1:23" ht="20.100000000000001" customHeight="1" thickBot="1" x14ac:dyDescent="0.25">
      <c r="A16" s="572" t="s">
        <v>82</v>
      </c>
      <c r="B16" s="573"/>
      <c r="C16" s="553" t="s">
        <v>285</v>
      </c>
      <c r="D16" s="557"/>
      <c r="E16" s="557"/>
      <c r="F16" s="557"/>
      <c r="G16" s="557"/>
      <c r="H16" s="557"/>
      <c r="I16" s="557"/>
      <c r="J16" s="557"/>
      <c r="K16" s="554"/>
      <c r="L16" s="553" t="s">
        <v>286</v>
      </c>
      <c r="M16" s="557"/>
      <c r="N16" s="557"/>
      <c r="O16" s="557"/>
      <c r="P16" s="557"/>
      <c r="Q16" s="557"/>
      <c r="R16" s="557"/>
      <c r="S16" s="557"/>
      <c r="T16" s="554"/>
      <c r="U16" s="572" t="s">
        <v>287</v>
      </c>
      <c r="V16" s="578"/>
      <c r="W16" s="573"/>
    </row>
    <row r="17" spans="1:23" ht="20.100000000000001" customHeight="1" thickBot="1" x14ac:dyDescent="0.25">
      <c r="A17" s="574"/>
      <c r="B17" s="575"/>
      <c r="C17" s="580" t="s">
        <v>60</v>
      </c>
      <c r="D17" s="581"/>
      <c r="E17" s="582"/>
      <c r="F17" s="580" t="s">
        <v>61</v>
      </c>
      <c r="G17" s="581"/>
      <c r="H17" s="582"/>
      <c r="I17" s="580" t="s">
        <v>62</v>
      </c>
      <c r="J17" s="581"/>
      <c r="K17" s="582"/>
      <c r="L17" s="580" t="s">
        <v>60</v>
      </c>
      <c r="M17" s="581"/>
      <c r="N17" s="582"/>
      <c r="O17" s="580" t="s">
        <v>61</v>
      </c>
      <c r="P17" s="581"/>
      <c r="Q17" s="582"/>
      <c r="R17" s="561" t="s">
        <v>62</v>
      </c>
      <c r="S17" s="562"/>
      <c r="T17" s="563"/>
      <c r="U17" s="574"/>
      <c r="V17" s="579"/>
      <c r="W17" s="575"/>
    </row>
    <row r="18" spans="1:23" ht="20.100000000000001" customHeight="1" thickBot="1" x14ac:dyDescent="0.25">
      <c r="A18" s="576"/>
      <c r="B18" s="577"/>
      <c r="C18" s="53" t="s">
        <v>63</v>
      </c>
      <c r="D18" s="54" t="s">
        <v>64</v>
      </c>
      <c r="E18" s="55" t="s">
        <v>65</v>
      </c>
      <c r="F18" s="53" t="s">
        <v>63</v>
      </c>
      <c r="G18" s="54" t="s">
        <v>64</v>
      </c>
      <c r="H18" s="55" t="s">
        <v>65</v>
      </c>
      <c r="I18" s="53" t="s">
        <v>63</v>
      </c>
      <c r="J18" s="54" t="s">
        <v>64</v>
      </c>
      <c r="K18" s="55" t="s">
        <v>65</v>
      </c>
      <c r="L18" s="53" t="s">
        <v>63</v>
      </c>
      <c r="M18" s="54" t="s">
        <v>64</v>
      </c>
      <c r="N18" s="55" t="s">
        <v>65</v>
      </c>
      <c r="O18" s="53" t="s">
        <v>63</v>
      </c>
      <c r="P18" s="54" t="s">
        <v>64</v>
      </c>
      <c r="Q18" s="55" t="s">
        <v>65</v>
      </c>
      <c r="R18" s="53" t="s">
        <v>63</v>
      </c>
      <c r="S18" s="54" t="s">
        <v>64</v>
      </c>
      <c r="T18" s="55" t="s">
        <v>65</v>
      </c>
      <c r="U18" s="83" t="s">
        <v>63</v>
      </c>
      <c r="V18" s="84" t="s">
        <v>64</v>
      </c>
      <c r="W18" s="85" t="s">
        <v>65</v>
      </c>
    </row>
    <row r="19" spans="1:23" ht="20.100000000000001" customHeight="1" thickTop="1" x14ac:dyDescent="0.2">
      <c r="A19" s="564" t="s">
        <v>18</v>
      </c>
      <c r="B19" s="565"/>
      <c r="C19" s="63">
        <v>3</v>
      </c>
      <c r="D19" s="86">
        <v>2</v>
      </c>
      <c r="E19" s="60">
        <v>5</v>
      </c>
      <c r="F19" s="58">
        <v>3</v>
      </c>
      <c r="G19" s="59">
        <v>2</v>
      </c>
      <c r="H19" s="60">
        <v>5</v>
      </c>
      <c r="I19" s="58">
        <v>0</v>
      </c>
      <c r="J19" s="61">
        <v>0</v>
      </c>
      <c r="K19" s="62">
        <v>0</v>
      </c>
      <c r="L19" s="58">
        <v>3</v>
      </c>
      <c r="M19" s="59">
        <v>6</v>
      </c>
      <c r="N19" s="60">
        <v>9</v>
      </c>
      <c r="O19" s="58">
        <v>2</v>
      </c>
      <c r="P19" s="59">
        <v>3</v>
      </c>
      <c r="Q19" s="60">
        <v>5</v>
      </c>
      <c r="R19" s="58">
        <v>1</v>
      </c>
      <c r="S19" s="61">
        <v>3</v>
      </c>
      <c r="T19" s="62">
        <v>4</v>
      </c>
      <c r="U19" s="58">
        <v>6</v>
      </c>
      <c r="V19" s="61">
        <v>8</v>
      </c>
      <c r="W19" s="60">
        <v>14</v>
      </c>
    </row>
    <row r="20" spans="1:23" ht="20.100000000000001" customHeight="1" x14ac:dyDescent="0.2">
      <c r="A20" s="566" t="s">
        <v>19</v>
      </c>
      <c r="B20" s="567"/>
      <c r="C20" s="65">
        <v>13</v>
      </c>
      <c r="D20" s="66">
        <v>25</v>
      </c>
      <c r="E20" s="67">
        <v>38</v>
      </c>
      <c r="F20" s="65">
        <v>9</v>
      </c>
      <c r="G20" s="66">
        <v>22</v>
      </c>
      <c r="H20" s="67">
        <v>31</v>
      </c>
      <c r="I20" s="65">
        <v>4</v>
      </c>
      <c r="J20" s="66">
        <v>3</v>
      </c>
      <c r="K20" s="68">
        <v>7</v>
      </c>
      <c r="L20" s="65">
        <v>14</v>
      </c>
      <c r="M20" s="66">
        <v>13</v>
      </c>
      <c r="N20" s="60">
        <v>27</v>
      </c>
      <c r="O20" s="65">
        <v>7</v>
      </c>
      <c r="P20" s="66">
        <v>10</v>
      </c>
      <c r="Q20" s="67">
        <v>17</v>
      </c>
      <c r="R20" s="65">
        <v>7</v>
      </c>
      <c r="S20" s="66">
        <v>3</v>
      </c>
      <c r="T20" s="68">
        <v>10</v>
      </c>
      <c r="U20" s="65">
        <v>27</v>
      </c>
      <c r="V20" s="69">
        <v>38</v>
      </c>
      <c r="W20" s="67">
        <v>65</v>
      </c>
    </row>
    <row r="21" spans="1:23" ht="20.100000000000001" customHeight="1" x14ac:dyDescent="0.2">
      <c r="A21" s="566" t="s">
        <v>20</v>
      </c>
      <c r="B21" s="567"/>
      <c r="C21" s="65">
        <v>416</v>
      </c>
      <c r="D21" s="66">
        <v>404</v>
      </c>
      <c r="E21" s="67">
        <v>820</v>
      </c>
      <c r="F21" s="65">
        <v>377</v>
      </c>
      <c r="G21" s="66">
        <v>348</v>
      </c>
      <c r="H21" s="67">
        <v>725</v>
      </c>
      <c r="I21" s="65">
        <v>39</v>
      </c>
      <c r="J21" s="66">
        <v>56</v>
      </c>
      <c r="K21" s="68">
        <v>95</v>
      </c>
      <c r="L21" s="65">
        <v>1113</v>
      </c>
      <c r="M21" s="66">
        <v>692</v>
      </c>
      <c r="N21" s="60">
        <v>1805</v>
      </c>
      <c r="O21" s="65">
        <v>809</v>
      </c>
      <c r="P21" s="66">
        <v>512</v>
      </c>
      <c r="Q21" s="67">
        <v>1321</v>
      </c>
      <c r="R21" s="65">
        <v>304</v>
      </c>
      <c r="S21" s="66">
        <v>180</v>
      </c>
      <c r="T21" s="68">
        <v>484</v>
      </c>
      <c r="U21" s="65">
        <v>1529</v>
      </c>
      <c r="V21" s="69">
        <v>1096</v>
      </c>
      <c r="W21" s="67">
        <v>2625</v>
      </c>
    </row>
    <row r="22" spans="1:23" ht="20.100000000000001" customHeight="1" thickBot="1" x14ac:dyDescent="0.25">
      <c r="A22" s="568" t="s">
        <v>21</v>
      </c>
      <c r="B22" s="569"/>
      <c r="C22" s="70">
        <v>10</v>
      </c>
      <c r="D22" s="71">
        <v>6</v>
      </c>
      <c r="E22" s="72">
        <v>16</v>
      </c>
      <c r="F22" s="70">
        <v>9</v>
      </c>
      <c r="G22" s="71">
        <v>3</v>
      </c>
      <c r="H22" s="72">
        <v>12</v>
      </c>
      <c r="I22" s="70">
        <v>1</v>
      </c>
      <c r="J22" s="71">
        <v>3</v>
      </c>
      <c r="K22" s="73">
        <v>4</v>
      </c>
      <c r="L22" s="70">
        <v>78</v>
      </c>
      <c r="M22" s="71">
        <v>39</v>
      </c>
      <c r="N22" s="87">
        <v>117</v>
      </c>
      <c r="O22" s="70">
        <v>47</v>
      </c>
      <c r="P22" s="71">
        <v>23</v>
      </c>
      <c r="Q22" s="72">
        <v>70</v>
      </c>
      <c r="R22" s="70">
        <v>31</v>
      </c>
      <c r="S22" s="71">
        <v>16</v>
      </c>
      <c r="T22" s="73">
        <v>47</v>
      </c>
      <c r="U22" s="70">
        <v>88</v>
      </c>
      <c r="V22" s="74">
        <v>45</v>
      </c>
      <c r="W22" s="72">
        <v>133</v>
      </c>
    </row>
    <row r="23" spans="1:23" ht="20.100000000000001" customHeight="1" thickTop="1" thickBot="1" x14ac:dyDescent="0.25">
      <c r="A23" s="570" t="s">
        <v>58</v>
      </c>
      <c r="B23" s="571"/>
      <c r="C23" s="76">
        <v>442</v>
      </c>
      <c r="D23" s="77">
        <v>437</v>
      </c>
      <c r="E23" s="78">
        <v>879</v>
      </c>
      <c r="F23" s="76">
        <v>398</v>
      </c>
      <c r="G23" s="77">
        <v>375</v>
      </c>
      <c r="H23" s="78">
        <v>773</v>
      </c>
      <c r="I23" s="76">
        <v>44</v>
      </c>
      <c r="J23" s="77">
        <v>62</v>
      </c>
      <c r="K23" s="79">
        <v>106</v>
      </c>
      <c r="L23" s="76">
        <v>1208</v>
      </c>
      <c r="M23" s="77">
        <v>750</v>
      </c>
      <c r="N23" s="88">
        <v>1958</v>
      </c>
      <c r="O23" s="76">
        <v>865</v>
      </c>
      <c r="P23" s="77">
        <v>548</v>
      </c>
      <c r="Q23" s="78">
        <v>1413</v>
      </c>
      <c r="R23" s="76">
        <v>343</v>
      </c>
      <c r="S23" s="77">
        <v>202</v>
      </c>
      <c r="T23" s="78">
        <v>545</v>
      </c>
      <c r="U23" s="76">
        <v>1650</v>
      </c>
      <c r="V23" s="77">
        <v>1187</v>
      </c>
      <c r="W23" s="78">
        <v>2837</v>
      </c>
    </row>
    <row r="24" spans="1:23" ht="20.100000000000001" customHeight="1" x14ac:dyDescent="0.2">
      <c r="F24" s="81"/>
      <c r="G24" s="81"/>
      <c r="H24" s="81"/>
      <c r="I24" s="81"/>
      <c r="J24" s="81"/>
      <c r="K24" s="82"/>
      <c r="L24" s="81"/>
      <c r="M24" s="81"/>
      <c r="N24" s="81"/>
      <c r="O24" s="81"/>
      <c r="P24" s="81"/>
    </row>
    <row r="25" spans="1:23" ht="20.100000000000001" customHeight="1" thickBot="1" x14ac:dyDescent="0.25">
      <c r="A25" s="7" t="s">
        <v>144</v>
      </c>
    </row>
    <row r="26" spans="1:23" ht="20.100000000000001" customHeight="1" thickBot="1" x14ac:dyDescent="0.25">
      <c r="A26" s="553" t="s">
        <v>198</v>
      </c>
      <c r="B26" s="554"/>
      <c r="C26" s="553" t="s">
        <v>285</v>
      </c>
      <c r="D26" s="557"/>
      <c r="E26" s="557"/>
      <c r="F26" s="557"/>
      <c r="G26" s="557"/>
      <c r="H26" s="557"/>
      <c r="I26" s="557"/>
      <c r="J26" s="557"/>
      <c r="K26" s="554"/>
      <c r="L26" s="553" t="s">
        <v>286</v>
      </c>
      <c r="M26" s="557"/>
      <c r="N26" s="557"/>
      <c r="O26" s="557"/>
      <c r="P26" s="557"/>
      <c r="Q26" s="557"/>
      <c r="R26" s="557"/>
      <c r="S26" s="557"/>
      <c r="T26" s="554"/>
      <c r="U26" s="538" t="s">
        <v>287</v>
      </c>
      <c r="V26" s="539"/>
      <c r="W26" s="540"/>
    </row>
    <row r="27" spans="1:23" ht="20.100000000000001" customHeight="1" x14ac:dyDescent="0.2">
      <c r="A27" s="549"/>
      <c r="B27" s="550"/>
      <c r="C27" s="561" t="s">
        <v>60</v>
      </c>
      <c r="D27" s="562"/>
      <c r="E27" s="563"/>
      <c r="F27" s="561" t="s">
        <v>61</v>
      </c>
      <c r="G27" s="562"/>
      <c r="H27" s="563"/>
      <c r="I27" s="561" t="s">
        <v>62</v>
      </c>
      <c r="J27" s="562"/>
      <c r="K27" s="563"/>
      <c r="L27" s="561" t="s">
        <v>60</v>
      </c>
      <c r="M27" s="562"/>
      <c r="N27" s="563"/>
      <c r="O27" s="561" t="s">
        <v>61</v>
      </c>
      <c r="P27" s="562"/>
      <c r="Q27" s="563"/>
      <c r="R27" s="561" t="s">
        <v>62</v>
      </c>
      <c r="S27" s="562"/>
      <c r="T27" s="563"/>
      <c r="U27" s="558"/>
      <c r="V27" s="559"/>
      <c r="W27" s="560"/>
    </row>
    <row r="28" spans="1:23" ht="20.100000000000001" customHeight="1" thickBot="1" x14ac:dyDescent="0.25">
      <c r="A28" s="555"/>
      <c r="B28" s="556"/>
      <c r="C28" s="53" t="s">
        <v>63</v>
      </c>
      <c r="D28" s="54" t="s">
        <v>64</v>
      </c>
      <c r="E28" s="55" t="s">
        <v>65</v>
      </c>
      <c r="F28" s="53" t="s">
        <v>63</v>
      </c>
      <c r="G28" s="54" t="s">
        <v>64</v>
      </c>
      <c r="H28" s="55" t="s">
        <v>65</v>
      </c>
      <c r="I28" s="53" t="s">
        <v>63</v>
      </c>
      <c r="J28" s="56" t="s">
        <v>64</v>
      </c>
      <c r="K28" s="57" t="s">
        <v>65</v>
      </c>
      <c r="L28" s="53" t="s">
        <v>63</v>
      </c>
      <c r="M28" s="54" t="s">
        <v>64</v>
      </c>
      <c r="N28" s="55" t="s">
        <v>65</v>
      </c>
      <c r="O28" s="53" t="s">
        <v>63</v>
      </c>
      <c r="P28" s="54" t="s">
        <v>64</v>
      </c>
      <c r="Q28" s="55" t="s">
        <v>65</v>
      </c>
      <c r="R28" s="53" t="s">
        <v>63</v>
      </c>
      <c r="S28" s="54" t="s">
        <v>64</v>
      </c>
      <c r="T28" s="55" t="s">
        <v>65</v>
      </c>
      <c r="U28" s="53" t="s">
        <v>63</v>
      </c>
      <c r="V28" s="54" t="s">
        <v>64</v>
      </c>
      <c r="W28" s="283" t="s">
        <v>65</v>
      </c>
    </row>
    <row r="29" spans="1:23" ht="20.100000000000001" customHeight="1" thickTop="1" x14ac:dyDescent="0.2">
      <c r="A29" s="547" t="s">
        <v>40</v>
      </c>
      <c r="B29" s="548"/>
      <c r="C29" s="58">
        <v>147</v>
      </c>
      <c r="D29" s="59">
        <v>133</v>
      </c>
      <c r="E29" s="60">
        <v>280</v>
      </c>
      <c r="F29" s="58">
        <v>138</v>
      </c>
      <c r="G29" s="59">
        <v>123</v>
      </c>
      <c r="H29" s="60">
        <v>261</v>
      </c>
      <c r="I29" s="58">
        <v>9</v>
      </c>
      <c r="J29" s="61">
        <v>10</v>
      </c>
      <c r="K29" s="62">
        <v>19</v>
      </c>
      <c r="L29" s="58">
        <v>451</v>
      </c>
      <c r="M29" s="59">
        <v>312</v>
      </c>
      <c r="N29" s="60">
        <v>763</v>
      </c>
      <c r="O29" s="58">
        <v>330</v>
      </c>
      <c r="P29" s="59">
        <v>217</v>
      </c>
      <c r="Q29" s="60">
        <v>547</v>
      </c>
      <c r="R29" s="58">
        <v>121</v>
      </c>
      <c r="S29" s="61">
        <v>95</v>
      </c>
      <c r="T29" s="60">
        <v>216</v>
      </c>
      <c r="U29" s="63">
        <v>598</v>
      </c>
      <c r="V29" s="64">
        <v>445</v>
      </c>
      <c r="W29" s="60">
        <v>1043</v>
      </c>
    </row>
    <row r="30" spans="1:23" ht="20.100000000000001" customHeight="1" x14ac:dyDescent="0.2">
      <c r="A30" s="545" t="s">
        <v>145</v>
      </c>
      <c r="B30" s="546"/>
      <c r="C30" s="65">
        <v>75</v>
      </c>
      <c r="D30" s="66">
        <v>140</v>
      </c>
      <c r="E30" s="67">
        <v>215</v>
      </c>
      <c r="F30" s="65">
        <v>68</v>
      </c>
      <c r="G30" s="66">
        <v>134</v>
      </c>
      <c r="H30" s="67">
        <v>202</v>
      </c>
      <c r="I30" s="65">
        <v>7</v>
      </c>
      <c r="J30" s="66">
        <v>6</v>
      </c>
      <c r="K30" s="68">
        <v>13</v>
      </c>
      <c r="L30" s="65">
        <v>131</v>
      </c>
      <c r="M30" s="66">
        <v>203</v>
      </c>
      <c r="N30" s="67">
        <v>334</v>
      </c>
      <c r="O30" s="65">
        <v>95</v>
      </c>
      <c r="P30" s="66">
        <v>148</v>
      </c>
      <c r="Q30" s="67">
        <v>243</v>
      </c>
      <c r="R30" s="65">
        <v>36</v>
      </c>
      <c r="S30" s="66">
        <v>55</v>
      </c>
      <c r="T30" s="68">
        <v>91</v>
      </c>
      <c r="U30" s="65">
        <v>206</v>
      </c>
      <c r="V30" s="69">
        <v>343</v>
      </c>
      <c r="W30" s="60">
        <v>549</v>
      </c>
    </row>
    <row r="31" spans="1:23" ht="20.100000000000001" customHeight="1" x14ac:dyDescent="0.2">
      <c r="A31" s="545" t="s">
        <v>42</v>
      </c>
      <c r="B31" s="546"/>
      <c r="C31" s="65">
        <v>17</v>
      </c>
      <c r="D31" s="66">
        <v>15</v>
      </c>
      <c r="E31" s="67">
        <v>32</v>
      </c>
      <c r="F31" s="65">
        <v>14</v>
      </c>
      <c r="G31" s="66">
        <v>12</v>
      </c>
      <c r="H31" s="67">
        <v>26</v>
      </c>
      <c r="I31" s="65">
        <v>3</v>
      </c>
      <c r="J31" s="66">
        <v>3</v>
      </c>
      <c r="K31" s="68">
        <v>6</v>
      </c>
      <c r="L31" s="65">
        <v>100</v>
      </c>
      <c r="M31" s="66">
        <v>35</v>
      </c>
      <c r="N31" s="67">
        <v>135</v>
      </c>
      <c r="O31" s="65">
        <v>57</v>
      </c>
      <c r="P31" s="66">
        <v>23</v>
      </c>
      <c r="Q31" s="67">
        <v>80</v>
      </c>
      <c r="R31" s="65">
        <v>43</v>
      </c>
      <c r="S31" s="66">
        <v>12</v>
      </c>
      <c r="T31" s="68">
        <v>55</v>
      </c>
      <c r="U31" s="65">
        <v>117</v>
      </c>
      <c r="V31" s="69">
        <v>50</v>
      </c>
      <c r="W31" s="60">
        <v>167</v>
      </c>
    </row>
    <row r="32" spans="1:23" ht="20.100000000000001" customHeight="1" x14ac:dyDescent="0.2">
      <c r="A32" s="545" t="s">
        <v>43</v>
      </c>
      <c r="B32" s="546"/>
      <c r="C32" s="65">
        <v>23</v>
      </c>
      <c r="D32" s="66">
        <v>16</v>
      </c>
      <c r="E32" s="67">
        <v>39</v>
      </c>
      <c r="F32" s="65">
        <v>21</v>
      </c>
      <c r="G32" s="66">
        <v>16</v>
      </c>
      <c r="H32" s="67">
        <v>37</v>
      </c>
      <c r="I32" s="65">
        <v>2</v>
      </c>
      <c r="J32" s="66">
        <v>0</v>
      </c>
      <c r="K32" s="68">
        <v>2</v>
      </c>
      <c r="L32" s="65">
        <v>94</v>
      </c>
      <c r="M32" s="66">
        <v>42</v>
      </c>
      <c r="N32" s="67">
        <v>136</v>
      </c>
      <c r="O32" s="65">
        <v>70</v>
      </c>
      <c r="P32" s="66">
        <v>29</v>
      </c>
      <c r="Q32" s="67">
        <v>99</v>
      </c>
      <c r="R32" s="65">
        <v>24</v>
      </c>
      <c r="S32" s="66">
        <v>13</v>
      </c>
      <c r="T32" s="68">
        <v>37</v>
      </c>
      <c r="U32" s="65">
        <v>117</v>
      </c>
      <c r="V32" s="69">
        <v>58</v>
      </c>
      <c r="W32" s="60">
        <v>175</v>
      </c>
    </row>
    <row r="33" spans="1:23" ht="20.100000000000001" customHeight="1" x14ac:dyDescent="0.2">
      <c r="A33" s="545" t="s">
        <v>44</v>
      </c>
      <c r="B33" s="546"/>
      <c r="C33" s="65">
        <v>46</v>
      </c>
      <c r="D33" s="66">
        <v>61</v>
      </c>
      <c r="E33" s="67">
        <v>107</v>
      </c>
      <c r="F33" s="65">
        <v>42</v>
      </c>
      <c r="G33" s="66">
        <v>19</v>
      </c>
      <c r="H33" s="67">
        <v>61</v>
      </c>
      <c r="I33" s="65">
        <v>4</v>
      </c>
      <c r="J33" s="66">
        <v>42</v>
      </c>
      <c r="K33" s="68">
        <v>46</v>
      </c>
      <c r="L33" s="65">
        <v>132</v>
      </c>
      <c r="M33" s="66">
        <v>35</v>
      </c>
      <c r="N33" s="67">
        <v>167</v>
      </c>
      <c r="O33" s="65">
        <v>105</v>
      </c>
      <c r="P33" s="66">
        <v>25</v>
      </c>
      <c r="Q33" s="67">
        <v>130</v>
      </c>
      <c r="R33" s="65">
        <v>27</v>
      </c>
      <c r="S33" s="66">
        <v>10</v>
      </c>
      <c r="T33" s="68">
        <v>37</v>
      </c>
      <c r="U33" s="65">
        <v>178</v>
      </c>
      <c r="V33" s="69">
        <v>96</v>
      </c>
      <c r="W33" s="60">
        <v>274</v>
      </c>
    </row>
    <row r="34" spans="1:23" ht="20.100000000000001" customHeight="1" x14ac:dyDescent="0.2">
      <c r="A34" s="549" t="s">
        <v>45</v>
      </c>
      <c r="B34" s="550"/>
      <c r="C34" s="65">
        <v>32</v>
      </c>
      <c r="D34" s="66">
        <v>5</v>
      </c>
      <c r="E34" s="67">
        <v>37</v>
      </c>
      <c r="F34" s="65">
        <v>25</v>
      </c>
      <c r="G34" s="66">
        <v>4</v>
      </c>
      <c r="H34" s="67">
        <v>29</v>
      </c>
      <c r="I34" s="65">
        <v>7</v>
      </c>
      <c r="J34" s="66">
        <v>1</v>
      </c>
      <c r="K34" s="68">
        <v>8</v>
      </c>
      <c r="L34" s="65">
        <v>57</v>
      </c>
      <c r="M34" s="66">
        <v>8</v>
      </c>
      <c r="N34" s="67">
        <v>65</v>
      </c>
      <c r="O34" s="65">
        <v>44</v>
      </c>
      <c r="P34" s="66">
        <v>8</v>
      </c>
      <c r="Q34" s="67">
        <v>52</v>
      </c>
      <c r="R34" s="65">
        <v>13</v>
      </c>
      <c r="S34" s="66">
        <v>0</v>
      </c>
      <c r="T34" s="68">
        <v>13</v>
      </c>
      <c r="U34" s="65">
        <v>89</v>
      </c>
      <c r="V34" s="69">
        <v>13</v>
      </c>
      <c r="W34" s="60">
        <v>102</v>
      </c>
    </row>
    <row r="35" spans="1:23" ht="20.100000000000001" customHeight="1" x14ac:dyDescent="0.2">
      <c r="A35" s="551" t="s">
        <v>46</v>
      </c>
      <c r="B35" s="552"/>
      <c r="C35" s="65">
        <v>78</v>
      </c>
      <c r="D35" s="66">
        <v>57</v>
      </c>
      <c r="E35" s="67">
        <v>135</v>
      </c>
      <c r="F35" s="65">
        <v>72</v>
      </c>
      <c r="G35" s="66">
        <v>57</v>
      </c>
      <c r="H35" s="67">
        <v>129</v>
      </c>
      <c r="I35" s="65">
        <v>6</v>
      </c>
      <c r="J35" s="66">
        <v>0</v>
      </c>
      <c r="K35" s="68">
        <v>6</v>
      </c>
      <c r="L35" s="65">
        <v>201</v>
      </c>
      <c r="M35" s="66">
        <v>86</v>
      </c>
      <c r="N35" s="67">
        <v>287</v>
      </c>
      <c r="O35" s="65">
        <v>139</v>
      </c>
      <c r="P35" s="66">
        <v>73</v>
      </c>
      <c r="Q35" s="67">
        <v>212</v>
      </c>
      <c r="R35" s="65">
        <v>62</v>
      </c>
      <c r="S35" s="66">
        <v>13</v>
      </c>
      <c r="T35" s="68">
        <v>75</v>
      </c>
      <c r="U35" s="65">
        <v>279</v>
      </c>
      <c r="V35" s="69">
        <v>143</v>
      </c>
      <c r="W35" s="60">
        <v>422</v>
      </c>
    </row>
    <row r="36" spans="1:23" ht="20.100000000000001" customHeight="1" thickBot="1" x14ac:dyDescent="0.25">
      <c r="A36" s="541" t="s">
        <v>47</v>
      </c>
      <c r="B36" s="542"/>
      <c r="C36" s="70">
        <v>24</v>
      </c>
      <c r="D36" s="71">
        <v>10</v>
      </c>
      <c r="E36" s="72">
        <v>34</v>
      </c>
      <c r="F36" s="70">
        <v>18</v>
      </c>
      <c r="G36" s="71">
        <v>10</v>
      </c>
      <c r="H36" s="72">
        <v>28</v>
      </c>
      <c r="I36" s="70">
        <v>6</v>
      </c>
      <c r="J36" s="71">
        <v>0</v>
      </c>
      <c r="K36" s="73">
        <v>6</v>
      </c>
      <c r="L36" s="70">
        <v>42</v>
      </c>
      <c r="M36" s="71">
        <v>29</v>
      </c>
      <c r="N36" s="72">
        <v>71</v>
      </c>
      <c r="O36" s="70">
        <v>25</v>
      </c>
      <c r="P36" s="71">
        <v>25</v>
      </c>
      <c r="Q36" s="72">
        <v>50</v>
      </c>
      <c r="R36" s="70">
        <v>17</v>
      </c>
      <c r="S36" s="71">
        <v>4</v>
      </c>
      <c r="T36" s="73">
        <v>21</v>
      </c>
      <c r="U36" s="70">
        <v>66</v>
      </c>
      <c r="V36" s="74">
        <v>39</v>
      </c>
      <c r="W36" s="75">
        <v>105</v>
      </c>
    </row>
    <row r="37" spans="1:23" ht="20.100000000000001" customHeight="1" thickTop="1" thickBot="1" x14ac:dyDescent="0.25">
      <c r="A37" s="543" t="s">
        <v>16</v>
      </c>
      <c r="B37" s="544"/>
      <c r="C37" s="76">
        <v>442</v>
      </c>
      <c r="D37" s="77">
        <v>437</v>
      </c>
      <c r="E37" s="78">
        <v>879</v>
      </c>
      <c r="F37" s="76">
        <v>398</v>
      </c>
      <c r="G37" s="77">
        <v>375</v>
      </c>
      <c r="H37" s="78">
        <v>773</v>
      </c>
      <c r="I37" s="76">
        <v>44</v>
      </c>
      <c r="J37" s="77">
        <v>62</v>
      </c>
      <c r="K37" s="79">
        <v>106</v>
      </c>
      <c r="L37" s="76">
        <v>1208</v>
      </c>
      <c r="M37" s="77">
        <v>750</v>
      </c>
      <c r="N37" s="78">
        <v>1958</v>
      </c>
      <c r="O37" s="76">
        <v>865</v>
      </c>
      <c r="P37" s="77">
        <v>548</v>
      </c>
      <c r="Q37" s="78">
        <v>1413</v>
      </c>
      <c r="R37" s="76">
        <v>343</v>
      </c>
      <c r="S37" s="77">
        <v>202</v>
      </c>
      <c r="T37" s="78">
        <v>545</v>
      </c>
      <c r="U37" s="76">
        <v>1650</v>
      </c>
      <c r="V37" s="77">
        <v>1187</v>
      </c>
      <c r="W37" s="78">
        <v>2837</v>
      </c>
    </row>
  </sheetData>
  <mergeCells count="51">
    <mergeCell ref="C16:K16"/>
    <mergeCell ref="L16:T16"/>
    <mergeCell ref="U16:W17"/>
    <mergeCell ref="C17:E17"/>
    <mergeCell ref="F17:H17"/>
    <mergeCell ref="I17:K17"/>
    <mergeCell ref="L17:N17"/>
    <mergeCell ref="O17:Q17"/>
    <mergeCell ref="R17:T17"/>
    <mergeCell ref="L4:T4"/>
    <mergeCell ref="U4:W5"/>
    <mergeCell ref="C5:E5"/>
    <mergeCell ref="F5:H5"/>
    <mergeCell ref="I5:K5"/>
    <mergeCell ref="L5:N5"/>
    <mergeCell ref="O5:Q5"/>
    <mergeCell ref="R5:T5"/>
    <mergeCell ref="A4:B6"/>
    <mergeCell ref="A7:B7"/>
    <mergeCell ref="A8:B8"/>
    <mergeCell ref="A9:B9"/>
    <mergeCell ref="C4:K4"/>
    <mergeCell ref="A10:B10"/>
    <mergeCell ref="A11:B11"/>
    <mergeCell ref="A12:B12"/>
    <mergeCell ref="A13:B13"/>
    <mergeCell ref="A16:B18"/>
    <mergeCell ref="A19:B19"/>
    <mergeCell ref="A20:B20"/>
    <mergeCell ref="A21:B21"/>
    <mergeCell ref="A22:B22"/>
    <mergeCell ref="A23:B23"/>
    <mergeCell ref="A26:B28"/>
    <mergeCell ref="C26:K26"/>
    <mergeCell ref="L26:T26"/>
    <mergeCell ref="U26:W27"/>
    <mergeCell ref="C27:E27"/>
    <mergeCell ref="F27:H27"/>
    <mergeCell ref="I27:K27"/>
    <mergeCell ref="L27:N27"/>
    <mergeCell ref="O27:Q27"/>
    <mergeCell ref="R27:T27"/>
    <mergeCell ref="A36:B36"/>
    <mergeCell ref="A37:B37"/>
    <mergeCell ref="A32:B32"/>
    <mergeCell ref="A33:B33"/>
    <mergeCell ref="A29:B29"/>
    <mergeCell ref="A30:B30"/>
    <mergeCell ref="A31:B31"/>
    <mergeCell ref="A34:B34"/>
    <mergeCell ref="A35:B35"/>
  </mergeCells>
  <phoneticPr fontId="1"/>
  <printOptions horizontalCentered="1"/>
  <pageMargins left="0.23622047244094491" right="0.23622047244094491" top="0.74803149606299213" bottom="0.74803149606299213" header="0.31496062992125984" footer="0.31496062992125984"/>
  <pageSetup paperSize="9" scale="71" orientation="landscape" r:id="rId1"/>
  <headerFooter>
    <oddFooter>&amp;C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4"/>
  <sheetViews>
    <sheetView view="pageBreakPreview" zoomScale="80" zoomScaleNormal="80" zoomScaleSheetLayoutView="80" zoomScalePageLayoutView="50" workbookViewId="0"/>
  </sheetViews>
  <sheetFormatPr defaultColWidth="10.59765625" defaultRowHeight="20.100000000000001" customHeight="1" x14ac:dyDescent="0.2"/>
  <cols>
    <col min="1" max="1" width="14.59765625" style="7" customWidth="1"/>
    <col min="2" max="16" width="12.59765625" style="7" customWidth="1"/>
    <col min="17" max="16384" width="10.59765625" style="7"/>
  </cols>
  <sheetData>
    <row r="1" spans="1:16" ht="20.100000000000001" customHeight="1" x14ac:dyDescent="0.2">
      <c r="A1" s="51" t="s">
        <v>248</v>
      </c>
    </row>
    <row r="2" spans="1:16" ht="20.100000000000001" customHeight="1" x14ac:dyDescent="0.2">
      <c r="A2" s="52"/>
      <c r="C2" s="312" t="s">
        <v>288</v>
      </c>
    </row>
    <row r="3" spans="1:16" ht="20.100000000000001" customHeight="1" thickBot="1" x14ac:dyDescent="0.25">
      <c r="A3" s="7" t="s">
        <v>52</v>
      </c>
      <c r="C3" s="312" t="s">
        <v>289</v>
      </c>
    </row>
    <row r="4" spans="1:16" ht="20.100000000000001" customHeight="1" x14ac:dyDescent="0.2">
      <c r="A4" s="518" t="s">
        <v>8</v>
      </c>
      <c r="B4" s="520" t="s">
        <v>221</v>
      </c>
      <c r="C4" s="521"/>
      <c r="D4" s="522"/>
      <c r="E4" s="520" t="s">
        <v>53</v>
      </c>
      <c r="F4" s="521"/>
      <c r="G4" s="522"/>
      <c r="H4" s="520" t="s">
        <v>171</v>
      </c>
      <c r="I4" s="521"/>
      <c r="J4" s="522"/>
      <c r="K4" s="520" t="s">
        <v>172</v>
      </c>
      <c r="L4" s="521"/>
      <c r="M4" s="522"/>
      <c r="N4" s="520" t="s">
        <v>173</v>
      </c>
      <c r="O4" s="521"/>
      <c r="P4" s="522"/>
    </row>
    <row r="5" spans="1:16" ht="20.100000000000001" customHeight="1" thickBot="1" x14ac:dyDescent="0.25">
      <c r="A5" s="519"/>
      <c r="B5" s="401" t="s">
        <v>290</v>
      </c>
      <c r="C5" s="402" t="s">
        <v>284</v>
      </c>
      <c r="D5" s="403" t="s">
        <v>195</v>
      </c>
      <c r="E5" s="404" t="s">
        <v>291</v>
      </c>
      <c r="F5" s="402" t="s">
        <v>284</v>
      </c>
      <c r="G5" s="403" t="s">
        <v>195</v>
      </c>
      <c r="H5" s="404" t="s">
        <v>291</v>
      </c>
      <c r="I5" s="402" t="s">
        <v>284</v>
      </c>
      <c r="J5" s="403" t="s">
        <v>195</v>
      </c>
      <c r="K5" s="404" t="s">
        <v>291</v>
      </c>
      <c r="L5" s="402" t="s">
        <v>284</v>
      </c>
      <c r="M5" s="403" t="s">
        <v>195</v>
      </c>
      <c r="N5" s="404" t="s">
        <v>291</v>
      </c>
      <c r="O5" s="402" t="s">
        <v>284</v>
      </c>
      <c r="P5" s="403" t="s">
        <v>195</v>
      </c>
    </row>
    <row r="6" spans="1:16" ht="20.100000000000001" customHeight="1" thickTop="1" x14ac:dyDescent="0.2">
      <c r="A6" s="215" t="s">
        <v>97</v>
      </c>
      <c r="B6" s="63">
        <v>43</v>
      </c>
      <c r="C6" s="203">
        <v>1</v>
      </c>
      <c r="D6" s="209">
        <v>2.3255813953488372E-2</v>
      </c>
      <c r="E6" s="317">
        <v>94</v>
      </c>
      <c r="F6" s="318">
        <v>21</v>
      </c>
      <c r="G6" s="209">
        <v>0.22340425531914893</v>
      </c>
      <c r="H6" s="63">
        <v>115</v>
      </c>
      <c r="I6" s="203">
        <v>24</v>
      </c>
      <c r="J6" s="209">
        <v>0.20869565217391303</v>
      </c>
      <c r="K6" s="63">
        <v>91</v>
      </c>
      <c r="L6" s="203">
        <v>19</v>
      </c>
      <c r="M6" s="209">
        <v>0.2087912087912088</v>
      </c>
      <c r="N6" s="63">
        <v>76</v>
      </c>
      <c r="O6" s="203">
        <v>8</v>
      </c>
      <c r="P6" s="209">
        <v>0.10526315789473684</v>
      </c>
    </row>
    <row r="7" spans="1:16" ht="20.100000000000001" customHeight="1" x14ac:dyDescent="0.2">
      <c r="A7" s="216" t="s">
        <v>98</v>
      </c>
      <c r="B7" s="65">
        <v>213</v>
      </c>
      <c r="C7" s="394">
        <v>26</v>
      </c>
      <c r="D7" s="209">
        <v>0.12206572769953052</v>
      </c>
      <c r="E7" s="320">
        <v>305</v>
      </c>
      <c r="F7" s="321">
        <v>60</v>
      </c>
      <c r="G7" s="209">
        <v>0.19672131147540983</v>
      </c>
      <c r="H7" s="65">
        <v>250</v>
      </c>
      <c r="I7" s="394">
        <v>54</v>
      </c>
      <c r="J7" s="209">
        <v>0.216</v>
      </c>
      <c r="K7" s="65">
        <v>239</v>
      </c>
      <c r="L7" s="394">
        <v>51</v>
      </c>
      <c r="M7" s="209">
        <v>0.21338912133891214</v>
      </c>
      <c r="N7" s="65">
        <v>262</v>
      </c>
      <c r="O7" s="394">
        <v>59</v>
      </c>
      <c r="P7" s="209">
        <v>0.22519083969465647</v>
      </c>
    </row>
    <row r="8" spans="1:16" ht="20.100000000000001" customHeight="1" x14ac:dyDescent="0.2">
      <c r="A8" s="216" t="s">
        <v>99</v>
      </c>
      <c r="B8" s="65">
        <v>334</v>
      </c>
      <c r="C8" s="394">
        <v>49</v>
      </c>
      <c r="D8" s="209">
        <v>0.1467065868263473</v>
      </c>
      <c r="E8" s="320">
        <v>475</v>
      </c>
      <c r="F8" s="321">
        <v>95</v>
      </c>
      <c r="G8" s="209">
        <v>0.2</v>
      </c>
      <c r="H8" s="65">
        <v>402</v>
      </c>
      <c r="I8" s="394">
        <v>69</v>
      </c>
      <c r="J8" s="209">
        <v>0.17164179104477612</v>
      </c>
      <c r="K8" s="65">
        <v>322</v>
      </c>
      <c r="L8" s="394">
        <v>66</v>
      </c>
      <c r="M8" s="209">
        <v>0.20496894409937888</v>
      </c>
      <c r="N8" s="65">
        <v>280</v>
      </c>
      <c r="O8" s="394">
        <v>64</v>
      </c>
      <c r="P8" s="209">
        <v>0.22857142857142856</v>
      </c>
    </row>
    <row r="9" spans="1:16" ht="20.100000000000001" customHeight="1" x14ac:dyDescent="0.2">
      <c r="A9" s="216" t="s">
        <v>100</v>
      </c>
      <c r="B9" s="65">
        <v>519</v>
      </c>
      <c r="C9" s="394">
        <v>55</v>
      </c>
      <c r="D9" s="209">
        <v>0.10597302504816955</v>
      </c>
      <c r="E9" s="320">
        <v>488</v>
      </c>
      <c r="F9" s="321">
        <v>64</v>
      </c>
      <c r="G9" s="209">
        <v>0.13114754098360656</v>
      </c>
      <c r="H9" s="65">
        <v>561</v>
      </c>
      <c r="I9" s="394">
        <v>103</v>
      </c>
      <c r="J9" s="209">
        <v>0.18360071301247771</v>
      </c>
      <c r="K9" s="65">
        <v>426</v>
      </c>
      <c r="L9" s="394">
        <v>97</v>
      </c>
      <c r="M9" s="209">
        <v>0.22769953051643194</v>
      </c>
      <c r="N9" s="65">
        <v>334</v>
      </c>
      <c r="O9" s="394">
        <v>75</v>
      </c>
      <c r="P9" s="209">
        <v>0.22455089820359281</v>
      </c>
    </row>
    <row r="10" spans="1:16" ht="20.100000000000001" customHeight="1" x14ac:dyDescent="0.2">
      <c r="A10" s="216" t="s">
        <v>101</v>
      </c>
      <c r="B10" s="65">
        <v>396</v>
      </c>
      <c r="C10" s="394">
        <v>48</v>
      </c>
      <c r="D10" s="209">
        <v>0.12121212121212122</v>
      </c>
      <c r="E10" s="320">
        <v>514</v>
      </c>
      <c r="F10" s="321">
        <v>75</v>
      </c>
      <c r="G10" s="209">
        <v>0.14591439688715954</v>
      </c>
      <c r="H10" s="65">
        <v>512</v>
      </c>
      <c r="I10" s="394">
        <v>102</v>
      </c>
      <c r="J10" s="209">
        <v>0.19921875</v>
      </c>
      <c r="K10" s="65">
        <v>481</v>
      </c>
      <c r="L10" s="394">
        <v>107</v>
      </c>
      <c r="M10" s="209">
        <v>0.22245322245322247</v>
      </c>
      <c r="N10" s="65">
        <v>416</v>
      </c>
      <c r="O10" s="394">
        <v>79</v>
      </c>
      <c r="P10" s="209">
        <v>0.18990384615384615</v>
      </c>
    </row>
    <row r="11" spans="1:16" ht="20.100000000000001" customHeight="1" thickBot="1" x14ac:dyDescent="0.25">
      <c r="A11" s="217" t="s">
        <v>11</v>
      </c>
      <c r="B11" s="70">
        <v>1569</v>
      </c>
      <c r="C11" s="205">
        <v>163</v>
      </c>
      <c r="D11" s="397">
        <v>0.10388782664117271</v>
      </c>
      <c r="E11" s="322">
        <v>1380</v>
      </c>
      <c r="F11" s="323">
        <v>185</v>
      </c>
      <c r="G11" s="397">
        <v>0.13405797101449277</v>
      </c>
      <c r="H11" s="70">
        <v>1247</v>
      </c>
      <c r="I11" s="205">
        <v>234</v>
      </c>
      <c r="J11" s="397">
        <v>0.18765036086607859</v>
      </c>
      <c r="K11" s="70">
        <v>1042</v>
      </c>
      <c r="L11" s="205">
        <v>211</v>
      </c>
      <c r="M11" s="397">
        <v>0.20249520153550865</v>
      </c>
      <c r="N11" s="70">
        <v>826</v>
      </c>
      <c r="O11" s="205">
        <v>192</v>
      </c>
      <c r="P11" s="397">
        <v>0.23244552058111381</v>
      </c>
    </row>
    <row r="12" spans="1:16" ht="20.100000000000001" customHeight="1" thickTop="1" thickBot="1" x14ac:dyDescent="0.25">
      <c r="A12" s="3" t="s">
        <v>16</v>
      </c>
      <c r="B12" s="4">
        <v>3074</v>
      </c>
      <c r="C12" s="5">
        <v>342</v>
      </c>
      <c r="D12" s="400">
        <v>0.11125569290826284</v>
      </c>
      <c r="E12" s="405">
        <v>3256</v>
      </c>
      <c r="F12" s="266">
        <v>500</v>
      </c>
      <c r="G12" s="400">
        <v>0.15356265356265356</v>
      </c>
      <c r="H12" s="4">
        <v>3087</v>
      </c>
      <c r="I12" s="5">
        <v>586</v>
      </c>
      <c r="J12" s="400">
        <v>0.18982831227729188</v>
      </c>
      <c r="K12" s="4">
        <v>2601</v>
      </c>
      <c r="L12" s="5">
        <v>551</v>
      </c>
      <c r="M12" s="400">
        <v>0.21184159938485198</v>
      </c>
      <c r="N12" s="4">
        <v>2194</v>
      </c>
      <c r="O12" s="5">
        <v>477</v>
      </c>
      <c r="P12" s="400">
        <v>0.21741112123974476</v>
      </c>
    </row>
    <row r="13" spans="1:16" ht="20.100000000000001" customHeight="1" x14ac:dyDescent="0.2">
      <c r="A13" s="284"/>
      <c r="B13" s="208" t="s">
        <v>247</v>
      </c>
    </row>
    <row r="14" spans="1:16" ht="20.100000000000001" customHeight="1" thickBot="1" x14ac:dyDescent="0.25">
      <c r="A14" s="7" t="s">
        <v>17</v>
      </c>
    </row>
    <row r="15" spans="1:16" ht="20.100000000000001" customHeight="1" x14ac:dyDescent="0.2">
      <c r="A15" s="518" t="s">
        <v>176</v>
      </c>
      <c r="B15" s="520" t="s">
        <v>221</v>
      </c>
      <c r="C15" s="521"/>
      <c r="D15" s="522"/>
      <c r="E15" s="520" t="s">
        <v>53</v>
      </c>
      <c r="F15" s="521"/>
      <c r="G15" s="522"/>
      <c r="H15" s="520" t="s">
        <v>171</v>
      </c>
      <c r="I15" s="521"/>
      <c r="J15" s="522"/>
      <c r="K15" s="520" t="s">
        <v>172</v>
      </c>
      <c r="L15" s="521"/>
      <c r="M15" s="522"/>
      <c r="N15" s="520" t="s">
        <v>173</v>
      </c>
      <c r="O15" s="521"/>
      <c r="P15" s="522"/>
    </row>
    <row r="16" spans="1:16" ht="20.100000000000001" customHeight="1" thickBot="1" x14ac:dyDescent="0.25">
      <c r="A16" s="519"/>
      <c r="B16" s="401" t="s">
        <v>290</v>
      </c>
      <c r="C16" s="402" t="s">
        <v>284</v>
      </c>
      <c r="D16" s="403" t="s">
        <v>195</v>
      </c>
      <c r="E16" s="404" t="s">
        <v>291</v>
      </c>
      <c r="F16" s="402" t="s">
        <v>284</v>
      </c>
      <c r="G16" s="403" t="s">
        <v>195</v>
      </c>
      <c r="H16" s="404" t="s">
        <v>291</v>
      </c>
      <c r="I16" s="402" t="s">
        <v>284</v>
      </c>
      <c r="J16" s="403" t="s">
        <v>195</v>
      </c>
      <c r="K16" s="404" t="s">
        <v>291</v>
      </c>
      <c r="L16" s="402" t="s">
        <v>284</v>
      </c>
      <c r="M16" s="403" t="s">
        <v>195</v>
      </c>
      <c r="N16" s="404" t="s">
        <v>291</v>
      </c>
      <c r="O16" s="402" t="s">
        <v>284</v>
      </c>
      <c r="P16" s="403" t="s">
        <v>195</v>
      </c>
    </row>
    <row r="17" spans="1:19" ht="20.100000000000001" customHeight="1" thickTop="1" x14ac:dyDescent="0.2">
      <c r="A17" s="215" t="s">
        <v>35</v>
      </c>
      <c r="B17" s="63">
        <v>16</v>
      </c>
      <c r="C17" s="203">
        <v>1</v>
      </c>
      <c r="D17" s="209">
        <v>6.25E-2</v>
      </c>
      <c r="E17" s="317">
        <v>23</v>
      </c>
      <c r="F17" s="318">
        <v>3</v>
      </c>
      <c r="G17" s="209">
        <v>0.13043478260869565</v>
      </c>
      <c r="H17" s="317">
        <v>17</v>
      </c>
      <c r="I17" s="318">
        <v>0</v>
      </c>
      <c r="J17" s="209">
        <v>0</v>
      </c>
      <c r="K17" s="317">
        <v>11</v>
      </c>
      <c r="L17" s="318">
        <v>0</v>
      </c>
      <c r="M17" s="209">
        <v>0</v>
      </c>
      <c r="N17" s="317">
        <v>14</v>
      </c>
      <c r="O17" s="318">
        <v>3</v>
      </c>
      <c r="P17" s="209">
        <v>0.21428571428571427</v>
      </c>
    </row>
    <row r="18" spans="1:19" ht="20.100000000000001" customHeight="1" x14ac:dyDescent="0.2">
      <c r="A18" s="216" t="s">
        <v>36</v>
      </c>
      <c r="B18" s="65">
        <v>97</v>
      </c>
      <c r="C18" s="394">
        <v>6</v>
      </c>
      <c r="D18" s="209">
        <v>6.1855670103092786E-2</v>
      </c>
      <c r="E18" s="320">
        <v>122</v>
      </c>
      <c r="F18" s="321">
        <v>19</v>
      </c>
      <c r="G18" s="209">
        <v>0.15573770491803279</v>
      </c>
      <c r="H18" s="320">
        <v>91</v>
      </c>
      <c r="I18" s="321">
        <v>9</v>
      </c>
      <c r="J18" s="209">
        <v>9.8901098901098897E-2</v>
      </c>
      <c r="K18" s="320">
        <v>94</v>
      </c>
      <c r="L18" s="321">
        <v>14</v>
      </c>
      <c r="M18" s="209">
        <v>0.14893617021276595</v>
      </c>
      <c r="N18" s="320">
        <v>53</v>
      </c>
      <c r="O18" s="321">
        <v>8</v>
      </c>
      <c r="P18" s="209">
        <v>0.15094339622641509</v>
      </c>
    </row>
    <row r="19" spans="1:19" ht="20.100000000000001" customHeight="1" x14ac:dyDescent="0.2">
      <c r="A19" s="216" t="s">
        <v>37</v>
      </c>
      <c r="B19" s="65">
        <v>2940</v>
      </c>
      <c r="C19" s="394">
        <v>331</v>
      </c>
      <c r="D19" s="209">
        <v>0.11258503401360544</v>
      </c>
      <c r="E19" s="320">
        <v>3078</v>
      </c>
      <c r="F19" s="321">
        <v>466</v>
      </c>
      <c r="G19" s="209">
        <v>0.15139701104613384</v>
      </c>
      <c r="H19" s="320">
        <v>2949</v>
      </c>
      <c r="I19" s="321">
        <v>570</v>
      </c>
      <c r="J19" s="209">
        <v>0.19328585961342828</v>
      </c>
      <c r="K19" s="320">
        <v>2479</v>
      </c>
      <c r="L19" s="321">
        <v>533</v>
      </c>
      <c r="M19" s="209">
        <v>0.21500605082694635</v>
      </c>
      <c r="N19" s="320">
        <v>2109</v>
      </c>
      <c r="O19" s="321">
        <v>463</v>
      </c>
      <c r="P19" s="209">
        <v>0.2195353247984827</v>
      </c>
    </row>
    <row r="20" spans="1:19" ht="20.100000000000001" customHeight="1" thickBot="1" x14ac:dyDescent="0.25">
      <c r="A20" s="217" t="s">
        <v>38</v>
      </c>
      <c r="B20" s="70">
        <v>21</v>
      </c>
      <c r="C20" s="205">
        <v>4</v>
      </c>
      <c r="D20" s="397">
        <v>0.19047619047619047</v>
      </c>
      <c r="E20" s="322">
        <v>33</v>
      </c>
      <c r="F20" s="323">
        <v>12</v>
      </c>
      <c r="G20" s="397">
        <v>0.36363636363636365</v>
      </c>
      <c r="H20" s="322">
        <v>30</v>
      </c>
      <c r="I20" s="323">
        <v>7</v>
      </c>
      <c r="J20" s="397">
        <v>0.23333333333333334</v>
      </c>
      <c r="K20" s="322">
        <v>17</v>
      </c>
      <c r="L20" s="323">
        <v>4</v>
      </c>
      <c r="M20" s="397">
        <v>0.23529411764705882</v>
      </c>
      <c r="N20" s="322">
        <v>18</v>
      </c>
      <c r="O20" s="323">
        <v>3</v>
      </c>
      <c r="P20" s="397">
        <v>0.16666666666666666</v>
      </c>
    </row>
    <row r="21" spans="1:19" ht="20.100000000000001" customHeight="1" thickTop="1" thickBot="1" x14ac:dyDescent="0.25">
      <c r="A21" s="3" t="s">
        <v>244</v>
      </c>
      <c r="B21" s="4">
        <v>3074</v>
      </c>
      <c r="C21" s="5">
        <v>342</v>
      </c>
      <c r="D21" s="400">
        <v>0.11125569290826284</v>
      </c>
      <c r="E21" s="263">
        <v>3256</v>
      </c>
      <c r="F21" s="264">
        <v>500</v>
      </c>
      <c r="G21" s="400">
        <v>0.15356265356265356</v>
      </c>
      <c r="H21" s="263">
        <v>3087</v>
      </c>
      <c r="I21" s="264">
        <v>586</v>
      </c>
      <c r="J21" s="400">
        <v>0.18982831227729188</v>
      </c>
      <c r="K21" s="263">
        <v>2601</v>
      </c>
      <c r="L21" s="264">
        <v>551</v>
      </c>
      <c r="M21" s="400">
        <v>0.21184159938485198</v>
      </c>
      <c r="N21" s="263">
        <v>2194</v>
      </c>
      <c r="O21" s="264">
        <v>477</v>
      </c>
      <c r="P21" s="400">
        <v>0.21741112123974476</v>
      </c>
    </row>
    <row r="22" spans="1:19" ht="20.100000000000001" customHeight="1" x14ac:dyDescent="0.2">
      <c r="A22" s="284"/>
      <c r="C22" s="81"/>
      <c r="D22" s="406"/>
      <c r="E22" s="81"/>
      <c r="F22" s="81"/>
      <c r="G22" s="406"/>
      <c r="H22" s="81"/>
      <c r="I22" s="81"/>
      <c r="J22" s="406"/>
      <c r="K22" s="81"/>
      <c r="L22" s="81"/>
      <c r="M22" s="406"/>
      <c r="N22" s="166"/>
      <c r="O22" s="166"/>
      <c r="P22" s="406"/>
    </row>
    <row r="23" spans="1:19" ht="20.100000000000001" customHeight="1" thickBot="1" x14ac:dyDescent="0.25">
      <c r="A23" s="1" t="s">
        <v>174</v>
      </c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</row>
    <row r="24" spans="1:19" ht="20.100000000000001" customHeight="1" x14ac:dyDescent="0.2">
      <c r="A24" s="518" t="s">
        <v>175</v>
      </c>
      <c r="B24" s="520" t="s">
        <v>221</v>
      </c>
      <c r="C24" s="521"/>
      <c r="D24" s="522"/>
      <c r="E24" s="520" t="s">
        <v>53</v>
      </c>
      <c r="F24" s="521"/>
      <c r="G24" s="522"/>
      <c r="H24" s="520" t="s">
        <v>171</v>
      </c>
      <c r="I24" s="521"/>
      <c r="J24" s="522"/>
      <c r="K24" s="520" t="s">
        <v>172</v>
      </c>
      <c r="L24" s="521"/>
      <c r="M24" s="522"/>
      <c r="N24" s="520" t="s">
        <v>173</v>
      </c>
      <c r="O24" s="521"/>
      <c r="P24" s="522"/>
    </row>
    <row r="25" spans="1:19" ht="20.100000000000001" customHeight="1" thickBot="1" x14ac:dyDescent="0.25">
      <c r="A25" s="519"/>
      <c r="B25" s="401" t="s">
        <v>290</v>
      </c>
      <c r="C25" s="402" t="s">
        <v>284</v>
      </c>
      <c r="D25" s="403" t="s">
        <v>195</v>
      </c>
      <c r="E25" s="404" t="s">
        <v>291</v>
      </c>
      <c r="F25" s="402" t="s">
        <v>284</v>
      </c>
      <c r="G25" s="403" t="s">
        <v>195</v>
      </c>
      <c r="H25" s="404" t="s">
        <v>291</v>
      </c>
      <c r="I25" s="402" t="s">
        <v>284</v>
      </c>
      <c r="J25" s="403" t="s">
        <v>195</v>
      </c>
      <c r="K25" s="404" t="s">
        <v>291</v>
      </c>
      <c r="L25" s="402" t="s">
        <v>284</v>
      </c>
      <c r="M25" s="403" t="s">
        <v>195</v>
      </c>
      <c r="N25" s="404" t="s">
        <v>291</v>
      </c>
      <c r="O25" s="402" t="s">
        <v>284</v>
      </c>
      <c r="P25" s="403" t="s">
        <v>195</v>
      </c>
    </row>
    <row r="26" spans="1:19" ht="20.100000000000001" customHeight="1" thickTop="1" x14ac:dyDescent="0.2">
      <c r="A26" s="215" t="s">
        <v>40</v>
      </c>
      <c r="B26" s="63">
        <v>1434</v>
      </c>
      <c r="C26" s="203">
        <v>168</v>
      </c>
      <c r="D26" s="209">
        <v>0.11715481171548117</v>
      </c>
      <c r="E26" s="317">
        <v>1381</v>
      </c>
      <c r="F26" s="318">
        <v>206</v>
      </c>
      <c r="G26" s="209">
        <v>0.14916727009413469</v>
      </c>
      <c r="H26" s="317">
        <v>1235</v>
      </c>
      <c r="I26" s="318">
        <v>246</v>
      </c>
      <c r="J26" s="209">
        <v>0.19919028340080971</v>
      </c>
      <c r="K26" s="317">
        <v>1080</v>
      </c>
      <c r="L26" s="318">
        <v>244</v>
      </c>
      <c r="M26" s="209">
        <v>0.22592592592592592</v>
      </c>
      <c r="N26" s="317">
        <v>912</v>
      </c>
      <c r="O26" s="318">
        <v>232</v>
      </c>
      <c r="P26" s="209">
        <v>0.25438596491228072</v>
      </c>
    </row>
    <row r="27" spans="1:19" ht="20.100000000000001" customHeight="1" x14ac:dyDescent="0.2">
      <c r="A27" s="216" t="s">
        <v>41</v>
      </c>
      <c r="B27" s="65">
        <v>627</v>
      </c>
      <c r="C27" s="394">
        <v>81</v>
      </c>
      <c r="D27" s="209">
        <v>0.12918660287081341</v>
      </c>
      <c r="E27" s="320">
        <v>635</v>
      </c>
      <c r="F27" s="321">
        <v>114</v>
      </c>
      <c r="G27" s="209">
        <v>0.17952755905511811</v>
      </c>
      <c r="H27" s="320">
        <v>618</v>
      </c>
      <c r="I27" s="321">
        <v>125</v>
      </c>
      <c r="J27" s="209">
        <v>0.2022653721682848</v>
      </c>
      <c r="K27" s="320">
        <v>540</v>
      </c>
      <c r="L27" s="321">
        <v>116</v>
      </c>
      <c r="M27" s="209">
        <v>0.21481481481481482</v>
      </c>
      <c r="N27" s="320">
        <v>413</v>
      </c>
      <c r="O27" s="321">
        <v>77</v>
      </c>
      <c r="P27" s="209">
        <v>0.1864406779661017</v>
      </c>
    </row>
    <row r="28" spans="1:19" ht="20.100000000000001" customHeight="1" x14ac:dyDescent="0.2">
      <c r="A28" s="216" t="s">
        <v>42</v>
      </c>
      <c r="B28" s="65">
        <v>239</v>
      </c>
      <c r="C28" s="394">
        <v>22</v>
      </c>
      <c r="D28" s="209">
        <v>9.2050209205020925E-2</v>
      </c>
      <c r="E28" s="320">
        <v>252</v>
      </c>
      <c r="F28" s="321">
        <v>30</v>
      </c>
      <c r="G28" s="209">
        <v>0.11904761904761904</v>
      </c>
      <c r="H28" s="320">
        <v>249</v>
      </c>
      <c r="I28" s="321">
        <v>34</v>
      </c>
      <c r="J28" s="209">
        <v>0.13654618473895583</v>
      </c>
      <c r="K28" s="320">
        <v>220</v>
      </c>
      <c r="L28" s="321">
        <v>45</v>
      </c>
      <c r="M28" s="209">
        <v>0.20454545454545456</v>
      </c>
      <c r="N28" s="320">
        <v>168</v>
      </c>
      <c r="O28" s="321">
        <v>30</v>
      </c>
      <c r="P28" s="209">
        <v>0.17857142857142858</v>
      </c>
    </row>
    <row r="29" spans="1:19" ht="20.100000000000001" customHeight="1" x14ac:dyDescent="0.2">
      <c r="A29" s="216" t="s">
        <v>43</v>
      </c>
      <c r="B29" s="65">
        <v>150</v>
      </c>
      <c r="C29" s="394">
        <v>11</v>
      </c>
      <c r="D29" s="209">
        <v>7.3333333333333334E-2</v>
      </c>
      <c r="E29" s="320">
        <v>137</v>
      </c>
      <c r="F29" s="321">
        <v>18</v>
      </c>
      <c r="G29" s="209">
        <v>0.13138686131386862</v>
      </c>
      <c r="H29" s="320">
        <v>179</v>
      </c>
      <c r="I29" s="321">
        <v>48</v>
      </c>
      <c r="J29" s="209">
        <v>0.26815642458100558</v>
      </c>
      <c r="K29" s="320">
        <v>156</v>
      </c>
      <c r="L29" s="321">
        <v>43</v>
      </c>
      <c r="M29" s="209">
        <v>0.27564102564102566</v>
      </c>
      <c r="N29" s="320">
        <v>147</v>
      </c>
      <c r="O29" s="321">
        <v>38</v>
      </c>
      <c r="P29" s="209">
        <v>0.25850340136054423</v>
      </c>
    </row>
    <row r="30" spans="1:19" ht="20.100000000000001" customHeight="1" x14ac:dyDescent="0.2">
      <c r="A30" s="216" t="s">
        <v>44</v>
      </c>
      <c r="B30" s="65">
        <v>104</v>
      </c>
      <c r="C30" s="394">
        <v>15</v>
      </c>
      <c r="D30" s="209">
        <v>0.14423076923076922</v>
      </c>
      <c r="E30" s="320">
        <v>158</v>
      </c>
      <c r="F30" s="321">
        <v>32</v>
      </c>
      <c r="G30" s="209">
        <v>0.20253164556962025</v>
      </c>
      <c r="H30" s="320">
        <v>160</v>
      </c>
      <c r="I30" s="321">
        <v>35</v>
      </c>
      <c r="J30" s="209">
        <v>0.21875</v>
      </c>
      <c r="K30" s="320">
        <v>131</v>
      </c>
      <c r="L30" s="321">
        <v>19</v>
      </c>
      <c r="M30" s="209">
        <v>0.14503816793893129</v>
      </c>
      <c r="N30" s="320">
        <v>147</v>
      </c>
      <c r="O30" s="321">
        <v>28</v>
      </c>
      <c r="P30" s="209">
        <v>0.19047619047619047</v>
      </c>
    </row>
    <row r="31" spans="1:19" ht="20.100000000000001" customHeight="1" x14ac:dyDescent="0.2">
      <c r="A31" s="216" t="s">
        <v>45</v>
      </c>
      <c r="B31" s="65">
        <v>221</v>
      </c>
      <c r="C31" s="394">
        <v>17</v>
      </c>
      <c r="D31" s="209">
        <v>7.6923076923076927E-2</v>
      </c>
      <c r="E31" s="320">
        <v>246</v>
      </c>
      <c r="F31" s="321">
        <v>22</v>
      </c>
      <c r="G31" s="209">
        <v>8.943089430894309E-2</v>
      </c>
      <c r="H31" s="320">
        <v>244</v>
      </c>
      <c r="I31" s="321">
        <v>25</v>
      </c>
      <c r="J31" s="209">
        <v>0.10245901639344263</v>
      </c>
      <c r="K31" s="320">
        <v>169</v>
      </c>
      <c r="L31" s="321">
        <v>22</v>
      </c>
      <c r="M31" s="209">
        <v>0.13017751479289941</v>
      </c>
      <c r="N31" s="320">
        <v>153</v>
      </c>
      <c r="O31" s="321">
        <v>18</v>
      </c>
      <c r="P31" s="209">
        <v>0.11764705882352941</v>
      </c>
    </row>
    <row r="32" spans="1:19" ht="20.100000000000001" customHeight="1" x14ac:dyDescent="0.2">
      <c r="A32" s="216" t="s">
        <v>46</v>
      </c>
      <c r="B32" s="65">
        <v>200</v>
      </c>
      <c r="C32" s="394">
        <v>20</v>
      </c>
      <c r="D32" s="209">
        <v>0.1</v>
      </c>
      <c r="E32" s="320">
        <v>348</v>
      </c>
      <c r="F32" s="321">
        <v>59</v>
      </c>
      <c r="G32" s="209">
        <v>0.16954022988505746</v>
      </c>
      <c r="H32" s="320">
        <v>313</v>
      </c>
      <c r="I32" s="321">
        <v>52</v>
      </c>
      <c r="J32" s="209">
        <v>0.16613418530351437</v>
      </c>
      <c r="K32" s="320">
        <v>228</v>
      </c>
      <c r="L32" s="321">
        <v>48</v>
      </c>
      <c r="M32" s="209">
        <v>0.21052631578947367</v>
      </c>
      <c r="N32" s="320">
        <v>191</v>
      </c>
      <c r="O32" s="321">
        <v>47</v>
      </c>
      <c r="P32" s="209">
        <v>0.24607329842931938</v>
      </c>
    </row>
    <row r="33" spans="1:16" ht="20.100000000000001" customHeight="1" thickBot="1" x14ac:dyDescent="0.25">
      <c r="A33" s="407" t="s">
        <v>47</v>
      </c>
      <c r="B33" s="70">
        <v>99</v>
      </c>
      <c r="C33" s="205">
        <v>8</v>
      </c>
      <c r="D33" s="209">
        <v>8.0808080808080815E-2</v>
      </c>
      <c r="E33" s="408">
        <v>99</v>
      </c>
      <c r="F33" s="321">
        <v>19</v>
      </c>
      <c r="G33" s="209">
        <v>0.19191919191919191</v>
      </c>
      <c r="H33" s="408">
        <v>89</v>
      </c>
      <c r="I33" s="321">
        <v>21</v>
      </c>
      <c r="J33" s="209">
        <v>0.23595505617977527</v>
      </c>
      <c r="K33" s="408">
        <v>77</v>
      </c>
      <c r="L33" s="321">
        <v>14</v>
      </c>
      <c r="M33" s="209">
        <v>0.18181818181818182</v>
      </c>
      <c r="N33" s="408">
        <v>63</v>
      </c>
      <c r="O33" s="321">
        <v>7</v>
      </c>
      <c r="P33" s="209">
        <v>0.1111111111111111</v>
      </c>
    </row>
    <row r="34" spans="1:16" ht="20.100000000000001" customHeight="1" thickTop="1" thickBot="1" x14ac:dyDescent="0.25">
      <c r="A34" s="399" t="s">
        <v>16</v>
      </c>
      <c r="B34" s="4">
        <v>3074</v>
      </c>
      <c r="C34" s="5">
        <v>342</v>
      </c>
      <c r="D34" s="400">
        <v>0.11125569290826284</v>
      </c>
      <c r="E34" s="263">
        <v>3256</v>
      </c>
      <c r="F34" s="266">
        <v>500</v>
      </c>
      <c r="G34" s="400">
        <v>0.15356265356265356</v>
      </c>
      <c r="H34" s="263">
        <v>3087</v>
      </c>
      <c r="I34" s="266">
        <v>586</v>
      </c>
      <c r="J34" s="400">
        <v>0.18982831227729188</v>
      </c>
      <c r="K34" s="263">
        <v>2601</v>
      </c>
      <c r="L34" s="266">
        <v>551</v>
      </c>
      <c r="M34" s="400">
        <v>0.21184159938485198</v>
      </c>
      <c r="N34" s="263">
        <v>2194</v>
      </c>
      <c r="O34" s="266">
        <v>477</v>
      </c>
      <c r="P34" s="400">
        <v>0.21741112123974476</v>
      </c>
    </row>
  </sheetData>
  <mergeCells count="18">
    <mergeCell ref="H15:J15"/>
    <mergeCell ref="K15:M15"/>
    <mergeCell ref="N15:P15"/>
    <mergeCell ref="A4:A5"/>
    <mergeCell ref="H4:J4"/>
    <mergeCell ref="K4:M4"/>
    <mergeCell ref="N4:P4"/>
    <mergeCell ref="B4:D4"/>
    <mergeCell ref="E4:G4"/>
    <mergeCell ref="A15:A16"/>
    <mergeCell ref="B15:D15"/>
    <mergeCell ref="E15:G15"/>
    <mergeCell ref="N24:P24"/>
    <mergeCell ref="A24:A25"/>
    <mergeCell ref="B24:D24"/>
    <mergeCell ref="E24:G24"/>
    <mergeCell ref="H24:J24"/>
    <mergeCell ref="K24:M24"/>
  </mergeCells>
  <phoneticPr fontId="1"/>
  <printOptions horizontalCentered="1"/>
  <pageMargins left="0.19685039370078741" right="0.19685039370078741" top="0.74803149606299213" bottom="0.74803149606299213" header="0.31496062992125984" footer="0.31496062992125984"/>
  <pageSetup paperSize="9" scale="66" orientation="landscape" r:id="rId1"/>
  <headerFooter>
    <oddFooter>&amp;C&amp;P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42"/>
  <sheetViews>
    <sheetView showWhiteSpace="0" view="pageBreakPreview" zoomScale="80" zoomScaleNormal="80" zoomScaleSheetLayoutView="80" zoomScalePageLayoutView="50" workbookViewId="0"/>
  </sheetViews>
  <sheetFormatPr defaultColWidth="10.59765625" defaultRowHeight="20.100000000000001" customHeight="1" x14ac:dyDescent="0.2"/>
  <cols>
    <col min="1" max="1" width="14.59765625" style="7" customWidth="1"/>
    <col min="2" max="5" width="10.59765625" style="7"/>
    <col min="6" max="6" width="10.59765625" style="7" customWidth="1"/>
    <col min="7" max="16384" width="10.59765625" style="7"/>
  </cols>
  <sheetData>
    <row r="1" spans="1:17" ht="20.100000000000001" customHeight="1" x14ac:dyDescent="0.2">
      <c r="A1" s="51" t="s">
        <v>92</v>
      </c>
    </row>
    <row r="2" spans="1:17" ht="20.100000000000001" customHeight="1" x14ac:dyDescent="0.2">
      <c r="A2" s="52"/>
    </row>
    <row r="3" spans="1:17" ht="20.100000000000001" customHeight="1" thickBot="1" x14ac:dyDescent="0.25">
      <c r="A3" s="7" t="s">
        <v>209</v>
      </c>
    </row>
    <row r="4" spans="1:17" ht="27" customHeight="1" thickBot="1" x14ac:dyDescent="0.25">
      <c r="A4" s="141" t="s">
        <v>7</v>
      </c>
      <c r="B4" s="185" t="s">
        <v>269</v>
      </c>
      <c r="C4" s="142" t="s">
        <v>56</v>
      </c>
      <c r="D4" s="143" t="s">
        <v>146</v>
      </c>
      <c r="E4" s="285" t="s">
        <v>54</v>
      </c>
      <c r="F4" s="285" t="s">
        <v>91</v>
      </c>
      <c r="G4" s="285" t="s">
        <v>55</v>
      </c>
      <c r="H4" s="144" t="s">
        <v>68</v>
      </c>
      <c r="I4" s="144" t="s">
        <v>69</v>
      </c>
      <c r="J4" s="101" t="s">
        <v>70</v>
      </c>
      <c r="K4" s="101" t="s">
        <v>71</v>
      </c>
      <c r="L4" s="144" t="s">
        <v>74</v>
      </c>
      <c r="M4" s="145" t="s">
        <v>73</v>
      </c>
      <c r="N4" s="144" t="s">
        <v>72</v>
      </c>
      <c r="O4" s="146" t="s">
        <v>76</v>
      </c>
      <c r="P4" s="146" t="s">
        <v>77</v>
      </c>
      <c r="Q4" s="147" t="s">
        <v>57</v>
      </c>
    </row>
    <row r="5" spans="1:17" ht="20.100000000000001" customHeight="1" thickTop="1" x14ac:dyDescent="0.2">
      <c r="A5" s="186" t="s">
        <v>97</v>
      </c>
      <c r="B5" s="409">
        <v>56</v>
      </c>
      <c r="C5" s="410">
        <v>14</v>
      </c>
      <c r="D5" s="411">
        <v>14</v>
      </c>
      <c r="E5" s="412">
        <v>10</v>
      </c>
      <c r="F5" s="413">
        <v>12</v>
      </c>
      <c r="G5" s="413">
        <v>3</v>
      </c>
      <c r="H5" s="413">
        <v>45</v>
      </c>
      <c r="I5" s="413">
        <v>22</v>
      </c>
      <c r="J5" s="413">
        <v>34</v>
      </c>
      <c r="K5" s="413">
        <v>0</v>
      </c>
      <c r="L5" s="413">
        <v>33</v>
      </c>
      <c r="M5" s="413">
        <v>19</v>
      </c>
      <c r="N5" s="413">
        <v>13</v>
      </c>
      <c r="O5" s="414">
        <v>91</v>
      </c>
      <c r="P5" s="411">
        <v>22</v>
      </c>
      <c r="Q5" s="148">
        <v>332</v>
      </c>
    </row>
    <row r="6" spans="1:17" ht="20.100000000000001" customHeight="1" x14ac:dyDescent="0.2">
      <c r="A6" s="277" t="s">
        <v>98</v>
      </c>
      <c r="B6" s="415">
        <v>69</v>
      </c>
      <c r="C6" s="416">
        <v>25</v>
      </c>
      <c r="D6" s="417">
        <v>26</v>
      </c>
      <c r="E6" s="418">
        <v>17</v>
      </c>
      <c r="F6" s="419">
        <v>34</v>
      </c>
      <c r="G6" s="419">
        <v>9</v>
      </c>
      <c r="H6" s="419">
        <v>140</v>
      </c>
      <c r="I6" s="419">
        <v>62</v>
      </c>
      <c r="J6" s="419">
        <v>90</v>
      </c>
      <c r="K6" s="419">
        <v>6</v>
      </c>
      <c r="L6" s="419">
        <v>36</v>
      </c>
      <c r="M6" s="419">
        <v>33</v>
      </c>
      <c r="N6" s="419">
        <v>42</v>
      </c>
      <c r="O6" s="420">
        <v>251</v>
      </c>
      <c r="P6" s="417">
        <v>99</v>
      </c>
      <c r="Q6" s="148">
        <v>870</v>
      </c>
    </row>
    <row r="7" spans="1:17" ht="20.100000000000001" customHeight="1" x14ac:dyDescent="0.2">
      <c r="A7" s="277" t="s">
        <v>99</v>
      </c>
      <c r="B7" s="415">
        <v>40</v>
      </c>
      <c r="C7" s="416">
        <v>58</v>
      </c>
      <c r="D7" s="417">
        <v>28</v>
      </c>
      <c r="E7" s="418">
        <v>43</v>
      </c>
      <c r="F7" s="419">
        <v>44</v>
      </c>
      <c r="G7" s="419">
        <v>18</v>
      </c>
      <c r="H7" s="419">
        <v>126</v>
      </c>
      <c r="I7" s="419">
        <v>50</v>
      </c>
      <c r="J7" s="419">
        <v>102</v>
      </c>
      <c r="K7" s="419">
        <v>3</v>
      </c>
      <c r="L7" s="419">
        <v>49</v>
      </c>
      <c r="M7" s="419">
        <v>16</v>
      </c>
      <c r="N7" s="419">
        <v>54</v>
      </c>
      <c r="O7" s="420">
        <v>270</v>
      </c>
      <c r="P7" s="417">
        <v>76</v>
      </c>
      <c r="Q7" s="148">
        <v>937</v>
      </c>
    </row>
    <row r="8" spans="1:17" ht="20.100000000000001" customHeight="1" x14ac:dyDescent="0.2">
      <c r="A8" s="277" t="s">
        <v>100</v>
      </c>
      <c r="B8" s="415">
        <v>30</v>
      </c>
      <c r="C8" s="416">
        <v>52</v>
      </c>
      <c r="D8" s="417">
        <v>33</v>
      </c>
      <c r="E8" s="418">
        <v>43</v>
      </c>
      <c r="F8" s="419">
        <v>42</v>
      </c>
      <c r="G8" s="419">
        <v>14</v>
      </c>
      <c r="H8" s="419">
        <v>147</v>
      </c>
      <c r="I8" s="419">
        <v>58</v>
      </c>
      <c r="J8" s="419">
        <v>121</v>
      </c>
      <c r="K8" s="419">
        <v>2</v>
      </c>
      <c r="L8" s="419">
        <v>38</v>
      </c>
      <c r="M8" s="419">
        <v>25</v>
      </c>
      <c r="N8" s="419">
        <v>24</v>
      </c>
      <c r="O8" s="420">
        <v>305</v>
      </c>
      <c r="P8" s="417">
        <v>64</v>
      </c>
      <c r="Q8" s="148">
        <v>968</v>
      </c>
    </row>
    <row r="9" spans="1:17" ht="20.100000000000001" customHeight="1" x14ac:dyDescent="0.2">
      <c r="A9" s="277" t="s">
        <v>101</v>
      </c>
      <c r="B9" s="415">
        <v>17</v>
      </c>
      <c r="C9" s="416">
        <v>16</v>
      </c>
      <c r="D9" s="417">
        <v>38</v>
      </c>
      <c r="E9" s="418">
        <v>30</v>
      </c>
      <c r="F9" s="419">
        <v>52</v>
      </c>
      <c r="G9" s="419">
        <v>8</v>
      </c>
      <c r="H9" s="419">
        <v>87</v>
      </c>
      <c r="I9" s="419">
        <v>39</v>
      </c>
      <c r="J9" s="419">
        <v>67</v>
      </c>
      <c r="K9" s="419">
        <v>6</v>
      </c>
      <c r="L9" s="419">
        <v>25</v>
      </c>
      <c r="M9" s="419">
        <v>19</v>
      </c>
      <c r="N9" s="419">
        <v>9</v>
      </c>
      <c r="O9" s="420">
        <v>207</v>
      </c>
      <c r="P9" s="417">
        <v>174</v>
      </c>
      <c r="Q9" s="148">
        <v>777</v>
      </c>
    </row>
    <row r="10" spans="1:17" ht="20.100000000000001" customHeight="1" thickBot="1" x14ac:dyDescent="0.25">
      <c r="A10" s="276" t="s">
        <v>11</v>
      </c>
      <c r="B10" s="421">
        <v>22</v>
      </c>
      <c r="C10" s="422">
        <v>110</v>
      </c>
      <c r="D10" s="423">
        <v>65</v>
      </c>
      <c r="E10" s="424">
        <v>166</v>
      </c>
      <c r="F10" s="425">
        <v>122</v>
      </c>
      <c r="G10" s="425">
        <v>40</v>
      </c>
      <c r="H10" s="425">
        <v>273</v>
      </c>
      <c r="I10" s="425">
        <v>82</v>
      </c>
      <c r="J10" s="425">
        <v>202</v>
      </c>
      <c r="K10" s="425">
        <v>7</v>
      </c>
      <c r="L10" s="425">
        <v>78</v>
      </c>
      <c r="M10" s="425">
        <v>11</v>
      </c>
      <c r="N10" s="425">
        <v>53</v>
      </c>
      <c r="O10" s="426">
        <v>598</v>
      </c>
      <c r="P10" s="417">
        <v>56</v>
      </c>
      <c r="Q10" s="75">
        <v>1863</v>
      </c>
    </row>
    <row r="11" spans="1:17" ht="20.100000000000001" customHeight="1" thickTop="1" thickBot="1" x14ac:dyDescent="0.25">
      <c r="A11" s="278" t="s">
        <v>58</v>
      </c>
      <c r="B11" s="187">
        <v>234</v>
      </c>
      <c r="C11" s="188">
        <v>275</v>
      </c>
      <c r="D11" s="188">
        <v>204</v>
      </c>
      <c r="E11" s="188">
        <v>309</v>
      </c>
      <c r="F11" s="188">
        <v>306</v>
      </c>
      <c r="G11" s="188">
        <v>92</v>
      </c>
      <c r="H11" s="188">
        <v>818</v>
      </c>
      <c r="I11" s="188">
        <v>313</v>
      </c>
      <c r="J11" s="188">
        <v>616</v>
      </c>
      <c r="K11" s="188">
        <v>24</v>
      </c>
      <c r="L11" s="188">
        <v>259</v>
      </c>
      <c r="M11" s="188">
        <v>123</v>
      </c>
      <c r="N11" s="188">
        <v>195</v>
      </c>
      <c r="O11" s="188">
        <v>1722</v>
      </c>
      <c r="P11" s="189">
        <v>491</v>
      </c>
      <c r="Q11" s="149">
        <v>5747</v>
      </c>
    </row>
    <row r="12" spans="1:17" ht="20.100000000000001" customHeight="1" thickTop="1" thickBot="1" x14ac:dyDescent="0.25">
      <c r="A12" s="150" t="s">
        <v>214</v>
      </c>
      <c r="B12" s="151"/>
      <c r="C12" s="152">
        <v>4.7851052723159912E-2</v>
      </c>
      <c r="D12" s="153">
        <v>3.549678092918044E-2</v>
      </c>
      <c r="E12" s="154">
        <v>5.3767182878023317E-2</v>
      </c>
      <c r="F12" s="154">
        <v>5.3245171393770663E-2</v>
      </c>
      <c r="G12" s="154">
        <v>1.6008352183748041E-2</v>
      </c>
      <c r="H12" s="154">
        <v>0.14233513137289019</v>
      </c>
      <c r="I12" s="154">
        <v>5.446319819036019E-2</v>
      </c>
      <c r="J12" s="154">
        <v>0.1071863580998782</v>
      </c>
      <c r="K12" s="154">
        <v>4.1760918740212285E-3</v>
      </c>
      <c r="L12" s="154">
        <v>4.5066991473812421E-2</v>
      </c>
      <c r="M12" s="154">
        <v>2.1402470854358795E-2</v>
      </c>
      <c r="N12" s="154">
        <v>3.3930746476422483E-2</v>
      </c>
      <c r="O12" s="154">
        <v>0.29963459196102316</v>
      </c>
      <c r="P12" s="153">
        <v>8.5435879589350963E-2</v>
      </c>
      <c r="Q12" s="155">
        <v>1</v>
      </c>
    </row>
    <row r="13" spans="1:17" ht="20.100000000000001" customHeight="1" x14ac:dyDescent="0.2">
      <c r="A13" s="284"/>
      <c r="B13" s="1"/>
      <c r="C13" s="156"/>
      <c r="D13" s="156"/>
      <c r="E13" s="156"/>
      <c r="F13" s="156"/>
      <c r="G13" s="156"/>
      <c r="H13" s="156"/>
      <c r="I13" s="156"/>
      <c r="J13" s="156"/>
      <c r="K13" s="156"/>
      <c r="L13" s="156"/>
      <c r="M13" s="156"/>
      <c r="N13" s="156"/>
      <c r="O13" s="156"/>
      <c r="P13" s="156"/>
      <c r="Q13" s="157"/>
    </row>
    <row r="14" spans="1:17" ht="20.100000000000001" customHeight="1" thickBot="1" x14ac:dyDescent="0.25">
      <c r="A14" s="7" t="s">
        <v>263</v>
      </c>
      <c r="B14" s="1"/>
      <c r="C14" s="156"/>
      <c r="D14" s="156"/>
      <c r="E14" s="156"/>
      <c r="G14" s="156"/>
      <c r="H14" s="156"/>
      <c r="I14" s="156" t="s">
        <v>299</v>
      </c>
      <c r="J14" s="156"/>
      <c r="K14" s="156"/>
      <c r="L14" s="156"/>
      <c r="M14" s="156"/>
      <c r="N14" s="156"/>
      <c r="O14" s="157"/>
    </row>
    <row r="15" spans="1:17" ht="20.100000000000001" customHeight="1" thickBot="1" x14ac:dyDescent="0.25">
      <c r="A15" s="141" t="s">
        <v>7</v>
      </c>
      <c r="B15" s="185" t="s">
        <v>269</v>
      </c>
      <c r="C15" s="8" t="s">
        <v>199</v>
      </c>
      <c r="D15" s="158" t="s">
        <v>200</v>
      </c>
      <c r="E15" s="159" t="s">
        <v>201</v>
      </c>
      <c r="F15" s="25" t="s">
        <v>77</v>
      </c>
      <c r="G15" s="160" t="s">
        <v>57</v>
      </c>
      <c r="H15" s="161"/>
      <c r="I15" s="594" t="s">
        <v>147</v>
      </c>
      <c r="J15" s="595"/>
      <c r="K15" s="25" t="s">
        <v>103</v>
      </c>
      <c r="L15" s="162" t="s">
        <v>215</v>
      </c>
    </row>
    <row r="16" spans="1:17" ht="20.100000000000001" customHeight="1" thickTop="1" x14ac:dyDescent="0.2">
      <c r="A16" s="186" t="s">
        <v>97</v>
      </c>
      <c r="B16" s="409">
        <v>51</v>
      </c>
      <c r="C16" s="427">
        <v>85</v>
      </c>
      <c r="D16" s="412">
        <v>20</v>
      </c>
      <c r="E16" s="413">
        <v>64</v>
      </c>
      <c r="F16" s="412">
        <v>137</v>
      </c>
      <c r="G16" s="163">
        <v>306</v>
      </c>
      <c r="H16" s="161"/>
      <c r="I16" s="596" t="s">
        <v>75</v>
      </c>
      <c r="J16" s="597"/>
      <c r="K16" s="428">
        <v>526</v>
      </c>
      <c r="L16" s="164">
        <v>0.54004106776180694</v>
      </c>
    </row>
    <row r="17" spans="1:17" ht="20.100000000000001" customHeight="1" x14ac:dyDescent="0.2">
      <c r="A17" s="277" t="s">
        <v>98</v>
      </c>
      <c r="B17" s="415">
        <v>69</v>
      </c>
      <c r="C17" s="429">
        <v>193</v>
      </c>
      <c r="D17" s="418">
        <v>62</v>
      </c>
      <c r="E17" s="419">
        <v>145</v>
      </c>
      <c r="F17" s="418">
        <v>445</v>
      </c>
      <c r="G17" s="165">
        <v>845</v>
      </c>
      <c r="H17" s="166"/>
      <c r="I17" s="558" t="s">
        <v>177</v>
      </c>
      <c r="J17" s="559"/>
      <c r="K17" s="430">
        <v>86</v>
      </c>
      <c r="L17" s="164">
        <v>8.8295687885010271E-2</v>
      </c>
    </row>
    <row r="18" spans="1:17" ht="20.100000000000001" customHeight="1" x14ac:dyDescent="0.2">
      <c r="A18" s="277" t="s">
        <v>99</v>
      </c>
      <c r="B18" s="415">
        <v>40</v>
      </c>
      <c r="C18" s="429">
        <v>190</v>
      </c>
      <c r="D18" s="418">
        <v>56</v>
      </c>
      <c r="E18" s="419">
        <v>130</v>
      </c>
      <c r="F18" s="418">
        <v>506</v>
      </c>
      <c r="G18" s="165">
        <v>882</v>
      </c>
      <c r="H18" s="166"/>
      <c r="I18" s="558" t="s">
        <v>178</v>
      </c>
      <c r="J18" s="559"/>
      <c r="K18" s="430">
        <v>49</v>
      </c>
      <c r="L18" s="164">
        <v>5.0308008213552365E-2</v>
      </c>
    </row>
    <row r="19" spans="1:17" ht="20.100000000000001" customHeight="1" x14ac:dyDescent="0.2">
      <c r="A19" s="277" t="s">
        <v>100</v>
      </c>
      <c r="B19" s="415">
        <v>30</v>
      </c>
      <c r="C19" s="429">
        <v>132</v>
      </c>
      <c r="D19" s="418">
        <v>91</v>
      </c>
      <c r="E19" s="419">
        <v>167</v>
      </c>
      <c r="F19" s="418">
        <v>525</v>
      </c>
      <c r="G19" s="165">
        <v>915</v>
      </c>
      <c r="H19" s="166"/>
      <c r="I19" s="558" t="s">
        <v>129</v>
      </c>
      <c r="J19" s="559"/>
      <c r="K19" s="430">
        <v>170</v>
      </c>
      <c r="L19" s="164">
        <v>0.17453798767967146</v>
      </c>
    </row>
    <row r="20" spans="1:17" ht="20.100000000000001" customHeight="1" thickBot="1" x14ac:dyDescent="0.25">
      <c r="A20" s="277" t="s">
        <v>101</v>
      </c>
      <c r="B20" s="415">
        <v>17</v>
      </c>
      <c r="C20" s="429">
        <v>137</v>
      </c>
      <c r="D20" s="418">
        <v>40</v>
      </c>
      <c r="E20" s="419">
        <v>195</v>
      </c>
      <c r="F20" s="418">
        <v>379</v>
      </c>
      <c r="G20" s="165">
        <v>751</v>
      </c>
      <c r="H20" s="166"/>
      <c r="I20" s="566" t="s">
        <v>77</v>
      </c>
      <c r="J20" s="598"/>
      <c r="K20" s="431">
        <v>143</v>
      </c>
      <c r="L20" s="164">
        <v>0.14681724845995894</v>
      </c>
    </row>
    <row r="21" spans="1:17" ht="20.100000000000001" customHeight="1" thickTop="1" thickBot="1" x14ac:dyDescent="0.25">
      <c r="A21" s="276" t="s">
        <v>11</v>
      </c>
      <c r="B21" s="421">
        <v>22</v>
      </c>
      <c r="C21" s="429">
        <v>193</v>
      </c>
      <c r="D21" s="418">
        <v>174</v>
      </c>
      <c r="E21" s="419">
        <v>278</v>
      </c>
      <c r="F21" s="418">
        <v>833</v>
      </c>
      <c r="G21" s="165">
        <v>1478</v>
      </c>
      <c r="H21" s="166"/>
      <c r="I21" s="588" t="s">
        <v>57</v>
      </c>
      <c r="J21" s="589"/>
      <c r="K21" s="89">
        <v>974</v>
      </c>
      <c r="L21" s="37">
        <v>1</v>
      </c>
    </row>
    <row r="22" spans="1:17" ht="20.100000000000001" customHeight="1" thickTop="1" thickBot="1" x14ac:dyDescent="0.25">
      <c r="A22" s="278" t="s">
        <v>58</v>
      </c>
      <c r="B22" s="187">
        <v>229</v>
      </c>
      <c r="C22" s="190">
        <v>930</v>
      </c>
      <c r="D22" s="190">
        <v>443</v>
      </c>
      <c r="E22" s="190">
        <v>979</v>
      </c>
      <c r="F22" s="191">
        <v>2825</v>
      </c>
      <c r="G22" s="167">
        <v>5177</v>
      </c>
      <c r="H22" s="168"/>
      <c r="I22" s="156"/>
      <c r="J22" s="156"/>
      <c r="K22" s="192" t="s">
        <v>340</v>
      </c>
      <c r="L22" s="169"/>
    </row>
    <row r="23" spans="1:17" ht="20.100000000000001" customHeight="1" thickTop="1" thickBot="1" x14ac:dyDescent="0.25">
      <c r="A23" s="150" t="s">
        <v>216</v>
      </c>
      <c r="B23" s="151"/>
      <c r="C23" s="9">
        <v>0.17964071856287425</v>
      </c>
      <c r="D23" s="154">
        <v>8.5570793896078814E-2</v>
      </c>
      <c r="E23" s="154">
        <v>0.18910565964844506</v>
      </c>
      <c r="F23" s="170">
        <v>0.54568282789260192</v>
      </c>
      <c r="G23" s="171">
        <v>1</v>
      </c>
      <c r="H23" s="156"/>
      <c r="I23" s="156"/>
      <c r="J23" s="156"/>
      <c r="L23" s="169"/>
      <c r="M23" s="156"/>
      <c r="N23" s="156"/>
      <c r="O23" s="156"/>
      <c r="P23" s="157"/>
    </row>
    <row r="24" spans="1:17" ht="20.100000000000001" customHeight="1" x14ac:dyDescent="0.2">
      <c r="A24" s="284"/>
      <c r="B24" s="1"/>
      <c r="C24" s="156"/>
      <c r="D24" s="156"/>
      <c r="E24" s="156"/>
      <c r="F24" s="156"/>
      <c r="G24" s="156"/>
      <c r="H24" s="156"/>
      <c r="I24" s="156"/>
      <c r="J24" s="156"/>
      <c r="K24" s="156"/>
      <c r="L24" s="156"/>
      <c r="M24" s="156"/>
      <c r="N24" s="156"/>
      <c r="O24" s="156"/>
      <c r="P24" s="156"/>
      <c r="Q24" s="157"/>
    </row>
    <row r="25" spans="1:17" s="1" customFormat="1" ht="20.100000000000001" customHeight="1" thickBot="1" x14ac:dyDescent="0.25">
      <c r="A25" s="1" t="s">
        <v>210</v>
      </c>
      <c r="C25" s="157"/>
    </row>
    <row r="26" spans="1:17" s="1" customFormat="1" ht="20.100000000000001" customHeight="1" x14ac:dyDescent="0.2">
      <c r="A26" s="590" t="s">
        <v>166</v>
      </c>
      <c r="B26" s="591"/>
      <c r="C26" s="585" t="s">
        <v>167</v>
      </c>
      <c r="D26" s="586"/>
      <c r="E26" s="586"/>
      <c r="F26" s="586"/>
      <c r="G26" s="586"/>
      <c r="H26" s="586"/>
      <c r="I26" s="586"/>
      <c r="J26" s="586"/>
      <c r="K26" s="586"/>
      <c r="L26" s="586"/>
      <c r="M26" s="586"/>
      <c r="N26" s="587"/>
      <c r="O26" s="583" t="s">
        <v>211</v>
      </c>
      <c r="P26" s="583" t="s">
        <v>215</v>
      </c>
    </row>
    <row r="27" spans="1:17" s="1" customFormat="1" ht="20.100000000000001" customHeight="1" thickBot="1" x14ac:dyDescent="0.25">
      <c r="A27" s="592"/>
      <c r="B27" s="593"/>
      <c r="C27" s="23" t="s">
        <v>170</v>
      </c>
      <c r="D27" s="31" t="s">
        <v>215</v>
      </c>
      <c r="E27" s="2" t="s">
        <v>168</v>
      </c>
      <c r="F27" s="31" t="s">
        <v>217</v>
      </c>
      <c r="G27" s="2" t="s">
        <v>148</v>
      </c>
      <c r="H27" s="31" t="s">
        <v>215</v>
      </c>
      <c r="I27" s="2" t="s">
        <v>169</v>
      </c>
      <c r="J27" s="31" t="s">
        <v>215</v>
      </c>
      <c r="K27" s="2" t="s">
        <v>149</v>
      </c>
      <c r="L27" s="31" t="s">
        <v>218</v>
      </c>
      <c r="M27" s="24" t="s">
        <v>150</v>
      </c>
      <c r="N27" s="32" t="s">
        <v>215</v>
      </c>
      <c r="O27" s="584"/>
      <c r="P27" s="584"/>
    </row>
    <row r="28" spans="1:17" s="1" customFormat="1" ht="27" customHeight="1" thickTop="1" x14ac:dyDescent="0.2">
      <c r="A28" s="605" t="s">
        <v>151</v>
      </c>
      <c r="B28" s="606"/>
      <c r="C28" s="432">
        <v>21</v>
      </c>
      <c r="D28" s="26">
        <v>5.2499999999999998E-2</v>
      </c>
      <c r="E28" s="433">
        <v>38</v>
      </c>
      <c r="F28" s="27">
        <v>7.116104868913857E-2</v>
      </c>
      <c r="G28" s="434">
        <v>31</v>
      </c>
      <c r="H28" s="28">
        <v>5.1495016611295678E-2</v>
      </c>
      <c r="I28" s="434">
        <v>45</v>
      </c>
      <c r="J28" s="28">
        <v>7.7054794520547948E-2</v>
      </c>
      <c r="K28" s="434">
        <v>29</v>
      </c>
      <c r="L28" s="29">
        <v>5.6092843326885883E-2</v>
      </c>
      <c r="M28" s="435">
        <v>111</v>
      </c>
      <c r="N28" s="30">
        <v>3.5691318327974279E-2</v>
      </c>
      <c r="O28" s="38">
        <v>275</v>
      </c>
      <c r="P28" s="193">
        <v>4.7851052723159912E-2</v>
      </c>
    </row>
    <row r="29" spans="1:17" s="1" customFormat="1" ht="20.100000000000001" customHeight="1" x14ac:dyDescent="0.2">
      <c r="A29" s="601" t="s">
        <v>152</v>
      </c>
      <c r="B29" s="602"/>
      <c r="C29" s="436">
        <v>0</v>
      </c>
      <c r="D29" s="172">
        <v>0</v>
      </c>
      <c r="E29" s="437">
        <v>0</v>
      </c>
      <c r="F29" s="172">
        <v>0</v>
      </c>
      <c r="G29" s="438">
        <v>2</v>
      </c>
      <c r="H29" s="173">
        <v>3.3222591362126247E-3</v>
      </c>
      <c r="I29" s="438">
        <v>2</v>
      </c>
      <c r="J29" s="173">
        <v>3.4246575342465752E-3</v>
      </c>
      <c r="K29" s="438">
        <v>2</v>
      </c>
      <c r="L29" s="174">
        <v>3.8684719535783366E-3</v>
      </c>
      <c r="M29" s="439">
        <v>198</v>
      </c>
      <c r="N29" s="175">
        <v>6.3665594855305471E-2</v>
      </c>
      <c r="O29" s="38">
        <v>204</v>
      </c>
      <c r="P29" s="194">
        <v>3.549678092918044E-2</v>
      </c>
    </row>
    <row r="30" spans="1:17" s="1" customFormat="1" ht="20.100000000000001" customHeight="1" x14ac:dyDescent="0.2">
      <c r="A30" s="601" t="s">
        <v>153</v>
      </c>
      <c r="B30" s="602"/>
      <c r="C30" s="436">
        <v>3</v>
      </c>
      <c r="D30" s="172">
        <v>7.4999999999999997E-3</v>
      </c>
      <c r="E30" s="437">
        <v>26</v>
      </c>
      <c r="F30" s="172">
        <v>4.8689138576779027E-2</v>
      </c>
      <c r="G30" s="438">
        <v>66</v>
      </c>
      <c r="H30" s="173">
        <v>0.10963455149501661</v>
      </c>
      <c r="I30" s="438">
        <v>50</v>
      </c>
      <c r="J30" s="173">
        <v>8.5616438356164379E-2</v>
      </c>
      <c r="K30" s="438">
        <v>50</v>
      </c>
      <c r="L30" s="174">
        <v>9.6711798839458407E-2</v>
      </c>
      <c r="M30" s="439">
        <v>114</v>
      </c>
      <c r="N30" s="175">
        <v>3.6655948553054665E-2</v>
      </c>
      <c r="O30" s="38">
        <v>309</v>
      </c>
      <c r="P30" s="194">
        <v>5.3767182878023317E-2</v>
      </c>
    </row>
    <row r="31" spans="1:17" s="1" customFormat="1" ht="20.100000000000001" customHeight="1" x14ac:dyDescent="0.2">
      <c r="A31" s="601" t="s">
        <v>154</v>
      </c>
      <c r="B31" s="602"/>
      <c r="C31" s="436">
        <v>4</v>
      </c>
      <c r="D31" s="172">
        <v>0.01</v>
      </c>
      <c r="E31" s="437">
        <v>19</v>
      </c>
      <c r="F31" s="172">
        <v>3.5580524344569285E-2</v>
      </c>
      <c r="G31" s="438">
        <v>11</v>
      </c>
      <c r="H31" s="173">
        <v>1.8272425249169437E-2</v>
      </c>
      <c r="I31" s="438">
        <v>14</v>
      </c>
      <c r="J31" s="173">
        <v>2.3972602739726026E-2</v>
      </c>
      <c r="K31" s="438">
        <v>24</v>
      </c>
      <c r="L31" s="174">
        <v>4.6421663442940041E-2</v>
      </c>
      <c r="M31" s="439">
        <v>234</v>
      </c>
      <c r="N31" s="175">
        <v>7.5241157556270102E-2</v>
      </c>
      <c r="O31" s="38">
        <v>306</v>
      </c>
      <c r="P31" s="194">
        <v>5.3245171393770663E-2</v>
      </c>
    </row>
    <row r="32" spans="1:17" s="1" customFormat="1" ht="20.100000000000001" customHeight="1" x14ac:dyDescent="0.2">
      <c r="A32" s="601" t="s">
        <v>155</v>
      </c>
      <c r="B32" s="602"/>
      <c r="C32" s="436">
        <v>5</v>
      </c>
      <c r="D32" s="172">
        <v>1.2500000000000001E-2</v>
      </c>
      <c r="E32" s="437">
        <v>8</v>
      </c>
      <c r="F32" s="172">
        <v>1.4981273408239701E-2</v>
      </c>
      <c r="G32" s="438">
        <v>14</v>
      </c>
      <c r="H32" s="173">
        <v>2.3255813953488372E-2</v>
      </c>
      <c r="I32" s="438">
        <v>14</v>
      </c>
      <c r="J32" s="173">
        <v>2.3972602739726026E-2</v>
      </c>
      <c r="K32" s="438">
        <v>10</v>
      </c>
      <c r="L32" s="174">
        <v>1.9342359767891684E-2</v>
      </c>
      <c r="M32" s="439">
        <v>41</v>
      </c>
      <c r="N32" s="175">
        <v>1.3183279742765274E-2</v>
      </c>
      <c r="O32" s="38">
        <v>92</v>
      </c>
      <c r="P32" s="194">
        <v>1.6008352183748041E-2</v>
      </c>
    </row>
    <row r="33" spans="1:16" s="1" customFormat="1" ht="20.100000000000001" customHeight="1" x14ac:dyDescent="0.2">
      <c r="A33" s="601" t="s">
        <v>156</v>
      </c>
      <c r="B33" s="602"/>
      <c r="C33" s="436">
        <v>177</v>
      </c>
      <c r="D33" s="172">
        <v>0.4425</v>
      </c>
      <c r="E33" s="437">
        <v>119</v>
      </c>
      <c r="F33" s="172">
        <v>0.22284644194756553</v>
      </c>
      <c r="G33" s="438">
        <v>85</v>
      </c>
      <c r="H33" s="173">
        <v>0.14119601328903655</v>
      </c>
      <c r="I33" s="438">
        <v>62</v>
      </c>
      <c r="J33" s="173">
        <v>0.10616438356164383</v>
      </c>
      <c r="K33" s="438">
        <v>54</v>
      </c>
      <c r="L33" s="174">
        <v>0.10444874274661509</v>
      </c>
      <c r="M33" s="439">
        <v>321</v>
      </c>
      <c r="N33" s="175">
        <v>0.10321543408360129</v>
      </c>
      <c r="O33" s="38">
        <v>818</v>
      </c>
      <c r="P33" s="194">
        <v>0.14233513137289019</v>
      </c>
    </row>
    <row r="34" spans="1:16" s="1" customFormat="1" ht="20.100000000000001" customHeight="1" x14ac:dyDescent="0.2">
      <c r="A34" s="601" t="s">
        <v>157</v>
      </c>
      <c r="B34" s="602"/>
      <c r="C34" s="436">
        <v>14</v>
      </c>
      <c r="D34" s="172">
        <v>3.5000000000000003E-2</v>
      </c>
      <c r="E34" s="437">
        <v>41</v>
      </c>
      <c r="F34" s="172">
        <v>7.6779026217228458E-2</v>
      </c>
      <c r="G34" s="438">
        <v>22</v>
      </c>
      <c r="H34" s="173">
        <v>3.6544850498338874E-2</v>
      </c>
      <c r="I34" s="438">
        <v>19</v>
      </c>
      <c r="J34" s="173">
        <v>3.2534246575342464E-2</v>
      </c>
      <c r="K34" s="438">
        <v>20</v>
      </c>
      <c r="L34" s="174">
        <v>3.8684719535783368E-2</v>
      </c>
      <c r="M34" s="439">
        <v>197</v>
      </c>
      <c r="N34" s="175">
        <v>6.334405144694534E-2</v>
      </c>
      <c r="O34" s="38">
        <v>313</v>
      </c>
      <c r="P34" s="194">
        <v>5.446319819036019E-2</v>
      </c>
    </row>
    <row r="35" spans="1:16" s="1" customFormat="1" ht="20.100000000000001" customHeight="1" x14ac:dyDescent="0.2">
      <c r="A35" s="601" t="s">
        <v>158</v>
      </c>
      <c r="B35" s="602"/>
      <c r="C35" s="436">
        <v>13</v>
      </c>
      <c r="D35" s="172">
        <v>3.2500000000000001E-2</v>
      </c>
      <c r="E35" s="437">
        <v>40</v>
      </c>
      <c r="F35" s="172">
        <v>7.4906367041198504E-2</v>
      </c>
      <c r="G35" s="438">
        <v>83</v>
      </c>
      <c r="H35" s="173">
        <v>0.13787375415282391</v>
      </c>
      <c r="I35" s="438">
        <v>75</v>
      </c>
      <c r="J35" s="173">
        <v>0.12842465753424659</v>
      </c>
      <c r="K35" s="438">
        <v>67</v>
      </c>
      <c r="L35" s="174">
        <v>0.12959381044487428</v>
      </c>
      <c r="M35" s="439">
        <v>338</v>
      </c>
      <c r="N35" s="175">
        <v>0.10868167202572347</v>
      </c>
      <c r="O35" s="38">
        <v>616</v>
      </c>
      <c r="P35" s="194">
        <v>0.1071863580998782</v>
      </c>
    </row>
    <row r="36" spans="1:16" s="1" customFormat="1" ht="20.100000000000001" customHeight="1" x14ac:dyDescent="0.2">
      <c r="A36" s="601" t="s">
        <v>159</v>
      </c>
      <c r="B36" s="602"/>
      <c r="C36" s="436">
        <v>1</v>
      </c>
      <c r="D36" s="172">
        <v>2.5000000000000001E-3</v>
      </c>
      <c r="E36" s="437">
        <v>3</v>
      </c>
      <c r="F36" s="172">
        <v>5.6179775280898875E-3</v>
      </c>
      <c r="G36" s="438">
        <v>2</v>
      </c>
      <c r="H36" s="173">
        <v>3.3222591362126247E-3</v>
      </c>
      <c r="I36" s="440">
        <v>3</v>
      </c>
      <c r="J36" s="176">
        <v>5.1369863013698627E-3</v>
      </c>
      <c r="K36" s="438">
        <v>1</v>
      </c>
      <c r="L36" s="174">
        <v>1.9342359767891683E-3</v>
      </c>
      <c r="M36" s="439">
        <v>14</v>
      </c>
      <c r="N36" s="175">
        <v>4.5016077170418004E-3</v>
      </c>
      <c r="O36" s="38">
        <v>24</v>
      </c>
      <c r="P36" s="194">
        <v>4.1760918740212285E-3</v>
      </c>
    </row>
    <row r="37" spans="1:16" s="1" customFormat="1" ht="20.100000000000001" customHeight="1" x14ac:dyDescent="0.2">
      <c r="A37" s="601" t="s">
        <v>160</v>
      </c>
      <c r="B37" s="602"/>
      <c r="C37" s="436">
        <v>31</v>
      </c>
      <c r="D37" s="172">
        <v>7.7499999999999999E-2</v>
      </c>
      <c r="E37" s="437">
        <v>28</v>
      </c>
      <c r="F37" s="172">
        <v>5.2434456928838954E-2</v>
      </c>
      <c r="G37" s="438">
        <v>24</v>
      </c>
      <c r="H37" s="173">
        <v>3.9867109634551492E-2</v>
      </c>
      <c r="I37" s="438">
        <v>29</v>
      </c>
      <c r="J37" s="173">
        <v>4.965753424657534E-2</v>
      </c>
      <c r="K37" s="438">
        <v>12</v>
      </c>
      <c r="L37" s="174">
        <v>2.321083172147002E-2</v>
      </c>
      <c r="M37" s="439">
        <v>135</v>
      </c>
      <c r="N37" s="175">
        <v>4.3408360128617367E-2</v>
      </c>
      <c r="O37" s="38">
        <v>259</v>
      </c>
      <c r="P37" s="194">
        <v>4.5066991473812421E-2</v>
      </c>
    </row>
    <row r="38" spans="1:16" s="1" customFormat="1" ht="20.100000000000001" customHeight="1" x14ac:dyDescent="0.2">
      <c r="A38" s="601" t="s">
        <v>161</v>
      </c>
      <c r="B38" s="602"/>
      <c r="C38" s="436">
        <v>3</v>
      </c>
      <c r="D38" s="172">
        <v>7.4999999999999997E-3</v>
      </c>
      <c r="E38" s="437">
        <v>2</v>
      </c>
      <c r="F38" s="172">
        <v>3.7453183520599251E-3</v>
      </c>
      <c r="G38" s="438">
        <v>7</v>
      </c>
      <c r="H38" s="173">
        <v>1.1627906976744186E-2</v>
      </c>
      <c r="I38" s="438">
        <v>10</v>
      </c>
      <c r="J38" s="173">
        <v>1.7123287671232876E-2</v>
      </c>
      <c r="K38" s="438">
        <v>9</v>
      </c>
      <c r="L38" s="174">
        <v>1.7408123791102514E-2</v>
      </c>
      <c r="M38" s="439">
        <v>92</v>
      </c>
      <c r="N38" s="175">
        <v>2.9581993569131833E-2</v>
      </c>
      <c r="O38" s="38">
        <v>123</v>
      </c>
      <c r="P38" s="194">
        <v>2.1402470854358795E-2</v>
      </c>
    </row>
    <row r="39" spans="1:16" ht="20.100000000000001" customHeight="1" x14ac:dyDescent="0.2">
      <c r="A39" s="601" t="s">
        <v>162</v>
      </c>
      <c r="B39" s="602"/>
      <c r="C39" s="436">
        <v>13</v>
      </c>
      <c r="D39" s="172">
        <v>3.2500000000000001E-2</v>
      </c>
      <c r="E39" s="437">
        <v>22</v>
      </c>
      <c r="F39" s="172">
        <v>4.1198501872659173E-2</v>
      </c>
      <c r="G39" s="438">
        <v>17</v>
      </c>
      <c r="H39" s="173">
        <v>2.823920265780731E-2</v>
      </c>
      <c r="I39" s="438">
        <v>19</v>
      </c>
      <c r="J39" s="173">
        <v>3.2534246575342464E-2</v>
      </c>
      <c r="K39" s="438">
        <v>9</v>
      </c>
      <c r="L39" s="174">
        <v>1.7408123791102514E-2</v>
      </c>
      <c r="M39" s="439">
        <v>115</v>
      </c>
      <c r="N39" s="175">
        <v>3.6977491961414789E-2</v>
      </c>
      <c r="O39" s="38">
        <v>195</v>
      </c>
      <c r="P39" s="194">
        <v>3.3930746476422483E-2</v>
      </c>
    </row>
    <row r="40" spans="1:16" ht="20.100000000000001" customHeight="1" x14ac:dyDescent="0.2">
      <c r="A40" s="601" t="s">
        <v>163</v>
      </c>
      <c r="B40" s="602"/>
      <c r="C40" s="441">
        <v>77</v>
      </c>
      <c r="D40" s="177">
        <v>0.1925</v>
      </c>
      <c r="E40" s="442">
        <v>148</v>
      </c>
      <c r="F40" s="177">
        <v>0.27715355805243447</v>
      </c>
      <c r="G40" s="443">
        <v>180</v>
      </c>
      <c r="H40" s="178">
        <v>0.29900332225913623</v>
      </c>
      <c r="I40" s="443">
        <v>202</v>
      </c>
      <c r="J40" s="178">
        <v>0.3458904109589041</v>
      </c>
      <c r="K40" s="443">
        <v>183</v>
      </c>
      <c r="L40" s="179">
        <v>0.35396518375241781</v>
      </c>
      <c r="M40" s="444">
        <v>932</v>
      </c>
      <c r="N40" s="180">
        <v>0.29967845659163989</v>
      </c>
      <c r="O40" s="38">
        <v>1722</v>
      </c>
      <c r="P40" s="194">
        <v>0.29963459196102316</v>
      </c>
    </row>
    <row r="41" spans="1:16" ht="20.100000000000001" customHeight="1" thickBot="1" x14ac:dyDescent="0.25">
      <c r="A41" s="603" t="s">
        <v>164</v>
      </c>
      <c r="B41" s="604"/>
      <c r="C41" s="445">
        <v>38</v>
      </c>
      <c r="D41" s="181">
        <v>9.5000000000000001E-2</v>
      </c>
      <c r="E41" s="446">
        <v>40</v>
      </c>
      <c r="F41" s="181">
        <v>7.4906367041198504E-2</v>
      </c>
      <c r="G41" s="447">
        <v>58</v>
      </c>
      <c r="H41" s="182">
        <v>9.634551495016612E-2</v>
      </c>
      <c r="I41" s="447">
        <v>40</v>
      </c>
      <c r="J41" s="182">
        <v>6.8493150684931503E-2</v>
      </c>
      <c r="K41" s="447">
        <v>47</v>
      </c>
      <c r="L41" s="183">
        <v>9.0909090909090912E-2</v>
      </c>
      <c r="M41" s="448">
        <v>268</v>
      </c>
      <c r="N41" s="184">
        <v>8.6173633440514472E-2</v>
      </c>
      <c r="O41" s="38">
        <v>491</v>
      </c>
      <c r="P41" s="195">
        <v>8.5435879589350963E-2</v>
      </c>
    </row>
    <row r="42" spans="1:16" ht="20.100000000000001" customHeight="1" thickTop="1" thickBot="1" x14ac:dyDescent="0.25">
      <c r="A42" s="599" t="s">
        <v>165</v>
      </c>
      <c r="B42" s="600"/>
      <c r="C42" s="196">
        <v>400</v>
      </c>
      <c r="D42" s="197">
        <v>0.99999999999999989</v>
      </c>
      <c r="E42" s="198">
        <v>534</v>
      </c>
      <c r="F42" s="197">
        <v>0.99999999999999989</v>
      </c>
      <c r="G42" s="196">
        <v>602</v>
      </c>
      <c r="H42" s="109">
        <v>1.0000000000000002</v>
      </c>
      <c r="I42" s="196">
        <v>584</v>
      </c>
      <c r="J42" s="109">
        <v>1</v>
      </c>
      <c r="K42" s="196">
        <v>517</v>
      </c>
      <c r="L42" s="199">
        <v>1</v>
      </c>
      <c r="M42" s="200">
        <v>3110</v>
      </c>
      <c r="N42" s="199">
        <v>0.99999999999999989</v>
      </c>
      <c r="O42" s="201">
        <v>5747</v>
      </c>
      <c r="P42" s="202">
        <v>1</v>
      </c>
    </row>
  </sheetData>
  <mergeCells count="26">
    <mergeCell ref="I20:J20"/>
    <mergeCell ref="A42:B42"/>
    <mergeCell ref="A39:B39"/>
    <mergeCell ref="A40:B40"/>
    <mergeCell ref="A41:B41"/>
    <mergeCell ref="A28:B28"/>
    <mergeCell ref="A29:B29"/>
    <mergeCell ref="A32:B32"/>
    <mergeCell ref="A38:B38"/>
    <mergeCell ref="A30:B30"/>
    <mergeCell ref="A31:B31"/>
    <mergeCell ref="A33:B33"/>
    <mergeCell ref="A34:B34"/>
    <mergeCell ref="A35:B35"/>
    <mergeCell ref="A36:B36"/>
    <mergeCell ref="A37:B37"/>
    <mergeCell ref="I15:J15"/>
    <mergeCell ref="I16:J16"/>
    <mergeCell ref="I17:J17"/>
    <mergeCell ref="I18:J18"/>
    <mergeCell ref="I19:J19"/>
    <mergeCell ref="P26:P27"/>
    <mergeCell ref="C26:N26"/>
    <mergeCell ref="O26:O27"/>
    <mergeCell ref="I21:J21"/>
    <mergeCell ref="A26:B27"/>
  </mergeCells>
  <phoneticPr fontId="1"/>
  <printOptions horizontalCentered="1"/>
  <pageMargins left="3.937007874015748E-2" right="3.937007874015748E-2" top="0.35433070866141736" bottom="0.35433070866141736" header="0.31496062992125984" footer="0.31496062992125984"/>
  <pageSetup paperSize="9" scale="6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2</vt:i4>
      </vt:variant>
      <vt:variant>
        <vt:lpstr>名前付き一覧</vt:lpstr>
      </vt:variant>
      <vt:variant>
        <vt:i4>10</vt:i4>
      </vt:variant>
    </vt:vector>
  </HeadingPairs>
  <TitlesOfParts>
    <vt:vector size="22" baseType="lpstr">
      <vt:lpstr>１-１職員数・離職率</vt:lpstr>
      <vt:lpstr>１-２外国籍職員</vt:lpstr>
      <vt:lpstr>１-３看護補助者</vt:lpstr>
      <vt:lpstr>２-１新卒採用・離職（全体）</vt:lpstr>
      <vt:lpstr>２-２新卒（県内）</vt:lpstr>
      <vt:lpstr>２-３新卒（県外）</vt:lpstr>
      <vt:lpstr>３経験者採用状況 </vt:lpstr>
      <vt:lpstr>４経験年数別離職率</vt:lpstr>
      <vt:lpstr>５退職理由</vt:lpstr>
      <vt:lpstr>６新人研修</vt:lpstr>
      <vt:lpstr>７令和4年度採用状況</vt:lpstr>
      <vt:lpstr>８特定行為研修</vt:lpstr>
      <vt:lpstr>'１-３看護補助者'!Print_Area</vt:lpstr>
      <vt:lpstr>'２-１新卒採用・離職（全体）'!Print_Area</vt:lpstr>
      <vt:lpstr>'２-２新卒（県内）'!Print_Area</vt:lpstr>
      <vt:lpstr>'２-３新卒（県外）'!Print_Area</vt:lpstr>
      <vt:lpstr>'３経験者採用状況 '!Print_Area</vt:lpstr>
      <vt:lpstr>'４経験年数別離職率'!Print_Area</vt:lpstr>
      <vt:lpstr>'５退職理由'!Print_Area</vt:lpstr>
      <vt:lpstr>'６新人研修'!Print_Area</vt:lpstr>
      <vt:lpstr>'７令和4年度採用状況'!Print_Area</vt:lpstr>
      <vt:lpstr>'８特定行為研修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9-14T05:36:49Z</cp:lastPrinted>
  <dcterms:created xsi:type="dcterms:W3CDTF">2020-02-06T07:40:23Z</dcterms:created>
  <dcterms:modified xsi:type="dcterms:W3CDTF">2023-10-02T00:38:40Z</dcterms:modified>
</cp:coreProperties>
</file>